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body>
    <w:p w14:paraId="50C70AE1" w14:textId="77777777" w:rsidR="00317E10" w:rsidRDefault="00317E10" w:rsidP="00076BF2">
      <w:pPr>
        <w:pStyle w:val="NoSpacing"/>
        <w:jc w:val="center"/>
        <w:rPr>
          <w:rFonts w:ascii="Arial" w:hAnsi="Arial" w:cs="Arial"/>
          <w:b/>
        </w:rPr>
      </w:pPr>
    </w:p>
    <w:p w14:paraId="1A51F97B" w14:textId="0332D94D" w:rsidR="00076BF2" w:rsidRPr="00F219B9" w:rsidRDefault="00076BF2" w:rsidP="00076BF2">
      <w:pPr>
        <w:pStyle w:val="NoSpacing"/>
        <w:jc w:val="center"/>
        <w:rPr>
          <w:rFonts w:ascii="Arial" w:hAnsi="Arial" w:cs="Arial"/>
          <w:b/>
          <w:sz w:val="24"/>
          <w:szCs w:val="24"/>
        </w:rPr>
      </w:pPr>
      <w:r w:rsidRPr="00F219B9">
        <w:rPr>
          <w:rFonts w:ascii="Arial" w:hAnsi="Arial" w:cs="Arial"/>
          <w:b/>
          <w:sz w:val="24"/>
          <w:szCs w:val="24"/>
        </w:rPr>
        <w:t>CITY OF SOUTHGATE</w:t>
      </w:r>
    </w:p>
    <w:p w14:paraId="55DCA386" w14:textId="4969F1B6" w:rsidR="00076BF2" w:rsidRPr="00F219B9" w:rsidRDefault="00BC4A4F" w:rsidP="00076BF2">
      <w:pPr>
        <w:pStyle w:val="NoSpacing"/>
        <w:jc w:val="center"/>
        <w:rPr>
          <w:rFonts w:ascii="Arial" w:hAnsi="Arial" w:cs="Arial"/>
          <w:b/>
          <w:color w:val="FF0000"/>
          <w:sz w:val="24"/>
          <w:szCs w:val="24"/>
        </w:rPr>
      </w:pPr>
      <w:r w:rsidRPr="00F219B9">
        <w:rPr>
          <w:rFonts w:ascii="Arial" w:hAnsi="Arial" w:cs="Arial"/>
          <w:b/>
          <w:sz w:val="24"/>
          <w:szCs w:val="24"/>
        </w:rPr>
        <w:t xml:space="preserve">City </w:t>
      </w:r>
      <w:r w:rsidR="00076BF2" w:rsidRPr="00F219B9">
        <w:rPr>
          <w:rFonts w:ascii="Arial" w:hAnsi="Arial" w:cs="Arial"/>
          <w:b/>
          <w:sz w:val="24"/>
          <w:szCs w:val="24"/>
        </w:rPr>
        <w:t xml:space="preserve">Council </w:t>
      </w:r>
      <w:r w:rsidR="00452E01" w:rsidRPr="00F219B9">
        <w:rPr>
          <w:rFonts w:ascii="Arial" w:hAnsi="Arial" w:cs="Arial"/>
          <w:b/>
          <w:sz w:val="24"/>
          <w:szCs w:val="24"/>
        </w:rPr>
        <w:t xml:space="preserve">Special </w:t>
      </w:r>
      <w:r w:rsidR="00076BF2" w:rsidRPr="00F219B9">
        <w:rPr>
          <w:rFonts w:ascii="Arial" w:hAnsi="Arial" w:cs="Arial"/>
          <w:b/>
          <w:sz w:val="24"/>
          <w:szCs w:val="24"/>
        </w:rPr>
        <w:t>Meeting Agenda</w:t>
      </w:r>
    </w:p>
    <w:p w14:paraId="0C7A1C3B" w14:textId="15CD0FAA" w:rsidR="00CF4C58" w:rsidRPr="00F219B9" w:rsidRDefault="0088122A" w:rsidP="00076BF2">
      <w:pPr>
        <w:pStyle w:val="NoSpacing"/>
        <w:jc w:val="center"/>
        <w:rPr>
          <w:rFonts w:ascii="Arial" w:hAnsi="Arial" w:cs="Arial"/>
          <w:b/>
          <w:sz w:val="24"/>
          <w:szCs w:val="24"/>
        </w:rPr>
      </w:pPr>
      <w:r w:rsidRPr="00F219B9">
        <w:rPr>
          <w:rFonts w:ascii="Arial" w:hAnsi="Arial" w:cs="Arial"/>
          <w:b/>
          <w:sz w:val="24"/>
          <w:szCs w:val="24"/>
        </w:rPr>
        <w:t>122 Electric Ave.</w:t>
      </w:r>
    </w:p>
    <w:p w14:paraId="4399C106" w14:textId="5FD0EA15" w:rsidR="00177B19" w:rsidRPr="00F219B9" w:rsidRDefault="00F219B9" w:rsidP="00076BF2">
      <w:pPr>
        <w:pStyle w:val="NoSpacing"/>
        <w:jc w:val="center"/>
        <w:rPr>
          <w:rFonts w:ascii="Arial" w:hAnsi="Arial" w:cs="Arial"/>
          <w:b/>
          <w:sz w:val="24"/>
          <w:szCs w:val="24"/>
        </w:rPr>
      </w:pPr>
      <w:r>
        <w:rPr>
          <w:rFonts w:ascii="Arial" w:hAnsi="Arial" w:cs="Arial"/>
          <w:b/>
          <w:sz w:val="24"/>
          <w:szCs w:val="24"/>
        </w:rPr>
        <w:t xml:space="preserve">October 20, </w:t>
      </w:r>
      <w:proofErr w:type="gramStart"/>
      <w:r>
        <w:rPr>
          <w:rFonts w:ascii="Arial" w:hAnsi="Arial" w:cs="Arial"/>
          <w:b/>
          <w:sz w:val="24"/>
          <w:szCs w:val="24"/>
        </w:rPr>
        <w:t>2025,  5</w:t>
      </w:r>
      <w:proofErr w:type="gramEnd"/>
      <w:r>
        <w:rPr>
          <w:rFonts w:ascii="Arial" w:hAnsi="Arial" w:cs="Arial"/>
          <w:b/>
          <w:sz w:val="24"/>
          <w:szCs w:val="24"/>
        </w:rPr>
        <w:t>:30</w:t>
      </w:r>
      <w:r w:rsidR="00177B19" w:rsidRPr="00F219B9">
        <w:rPr>
          <w:rFonts w:ascii="Arial" w:hAnsi="Arial" w:cs="Arial"/>
          <w:b/>
          <w:sz w:val="24"/>
          <w:szCs w:val="24"/>
        </w:rPr>
        <w:t xml:space="preserve"> p.m.</w:t>
      </w:r>
    </w:p>
    <w:p w14:paraId="3A1665BB" w14:textId="77777777" w:rsidR="005B7864" w:rsidRPr="00F219B9" w:rsidRDefault="005B7864" w:rsidP="00CF4C58">
      <w:pPr>
        <w:pStyle w:val="NoSpacing"/>
        <w:tabs>
          <w:tab w:val="left" w:pos="9450"/>
        </w:tabs>
        <w:rPr>
          <w:rFonts w:ascii="Arial" w:hAnsi="Arial" w:cs="Arial"/>
          <w:sz w:val="24"/>
          <w:szCs w:val="24"/>
        </w:rPr>
      </w:pPr>
    </w:p>
    <w:p w14:paraId="77FE8A1B" w14:textId="77777777" w:rsidR="00A85DC6" w:rsidRPr="00F219B9" w:rsidRDefault="00A85DC6" w:rsidP="00CF4C58">
      <w:pPr>
        <w:pStyle w:val="NoSpacing"/>
        <w:tabs>
          <w:tab w:val="left" w:pos="9450"/>
        </w:tabs>
        <w:rPr>
          <w:rFonts w:ascii="Arial" w:hAnsi="Arial" w:cs="Arial"/>
          <w:sz w:val="24"/>
          <w:szCs w:val="24"/>
        </w:rPr>
      </w:pPr>
    </w:p>
    <w:p w14:paraId="31196E27" w14:textId="77777777" w:rsidR="00452E01" w:rsidRPr="00F219B9" w:rsidRDefault="00452E01" w:rsidP="00CF4C58">
      <w:pPr>
        <w:pStyle w:val="NoSpacing"/>
        <w:tabs>
          <w:tab w:val="left" w:pos="9450"/>
        </w:tabs>
        <w:rPr>
          <w:rFonts w:ascii="Arial" w:hAnsi="Arial" w:cs="Arial"/>
          <w:sz w:val="24"/>
          <w:szCs w:val="24"/>
        </w:rPr>
      </w:pPr>
    </w:p>
    <w:p w14:paraId="1B09D691" w14:textId="77777777" w:rsidR="00452E01" w:rsidRPr="00F219B9" w:rsidRDefault="00452E01" w:rsidP="00CF4C58">
      <w:pPr>
        <w:pStyle w:val="NoSpacing"/>
        <w:tabs>
          <w:tab w:val="left" w:pos="9450"/>
        </w:tabs>
        <w:rPr>
          <w:rFonts w:ascii="Arial" w:hAnsi="Arial" w:cs="Arial"/>
          <w:sz w:val="24"/>
          <w:szCs w:val="24"/>
        </w:rPr>
      </w:pPr>
    </w:p>
    <w:p w14:paraId="3D03EA4B" w14:textId="77777777" w:rsidR="00452E01" w:rsidRPr="00F219B9" w:rsidRDefault="00452E01" w:rsidP="00CF4C58">
      <w:pPr>
        <w:pStyle w:val="NoSpacing"/>
        <w:tabs>
          <w:tab w:val="left" w:pos="9450"/>
        </w:tabs>
        <w:rPr>
          <w:rFonts w:ascii="Arial" w:hAnsi="Arial" w:cs="Arial"/>
          <w:sz w:val="24"/>
          <w:szCs w:val="24"/>
        </w:rPr>
      </w:pPr>
    </w:p>
    <w:p w14:paraId="51DBF4BC" w14:textId="644D7C15" w:rsidR="00AE13A5" w:rsidRPr="00F219B9" w:rsidRDefault="00686DD3" w:rsidP="00A11A10">
      <w:pPr>
        <w:pStyle w:val="NoSpacing"/>
        <w:numPr>
          <w:ilvl w:val="0"/>
          <w:numId w:val="30"/>
        </w:numPr>
        <w:tabs>
          <w:tab w:val="left" w:pos="9450"/>
        </w:tabs>
        <w:rPr>
          <w:rFonts w:ascii="Arial" w:hAnsi="Arial" w:cs="Arial"/>
          <w:sz w:val="24"/>
          <w:szCs w:val="24"/>
        </w:rPr>
      </w:pPr>
      <w:r w:rsidRPr="00F219B9">
        <w:rPr>
          <w:rFonts w:ascii="Arial" w:hAnsi="Arial" w:cs="Arial"/>
          <w:sz w:val="24"/>
          <w:szCs w:val="24"/>
        </w:rPr>
        <w:t>C</w:t>
      </w:r>
      <w:r w:rsidR="00823520" w:rsidRPr="00F219B9">
        <w:rPr>
          <w:rFonts w:ascii="Arial" w:hAnsi="Arial" w:cs="Arial"/>
          <w:sz w:val="24"/>
          <w:szCs w:val="24"/>
        </w:rPr>
        <w:t>all to order</w:t>
      </w:r>
      <w:r w:rsidR="00986D62" w:rsidRPr="00F219B9">
        <w:rPr>
          <w:rFonts w:ascii="Arial" w:hAnsi="Arial" w:cs="Arial"/>
          <w:sz w:val="24"/>
          <w:szCs w:val="24"/>
        </w:rPr>
        <w:tab/>
      </w:r>
    </w:p>
    <w:p w14:paraId="7E48AF14" w14:textId="77777777" w:rsidR="00823520" w:rsidRDefault="00823520" w:rsidP="00CF4C58">
      <w:pPr>
        <w:pStyle w:val="NoSpacing"/>
        <w:rPr>
          <w:rFonts w:ascii="Arial" w:hAnsi="Arial" w:cs="Arial"/>
          <w:sz w:val="24"/>
          <w:szCs w:val="24"/>
        </w:rPr>
      </w:pPr>
    </w:p>
    <w:p w14:paraId="2B5A6368" w14:textId="30961579" w:rsidR="00950748" w:rsidRPr="00F219B9" w:rsidRDefault="00A11A10" w:rsidP="00CF4C58">
      <w:pPr>
        <w:pStyle w:val="NoSpacing"/>
        <w:rPr>
          <w:rFonts w:ascii="Arial" w:hAnsi="Arial" w:cs="Arial"/>
          <w:sz w:val="24"/>
          <w:szCs w:val="24"/>
        </w:rPr>
      </w:pPr>
      <w:r>
        <w:rPr>
          <w:rFonts w:ascii="Arial" w:hAnsi="Arial" w:cs="Arial"/>
          <w:sz w:val="24"/>
          <w:szCs w:val="24"/>
        </w:rPr>
        <w:tab/>
      </w:r>
      <w:r w:rsidR="00950748">
        <w:rPr>
          <w:rFonts w:ascii="Arial" w:hAnsi="Arial" w:cs="Arial"/>
          <w:sz w:val="24"/>
          <w:szCs w:val="24"/>
        </w:rPr>
        <w:t xml:space="preserve">Discussion regarding </w:t>
      </w:r>
      <w:r>
        <w:rPr>
          <w:rFonts w:ascii="Arial" w:hAnsi="Arial" w:cs="Arial"/>
          <w:sz w:val="24"/>
          <w:szCs w:val="24"/>
        </w:rPr>
        <w:t>personnel update by Mayor</w:t>
      </w:r>
    </w:p>
    <w:p w14:paraId="3BF972B7" w14:textId="33A89D73" w:rsidR="000F4031" w:rsidRPr="00F219B9" w:rsidRDefault="003F7AFF" w:rsidP="00452E01">
      <w:pPr>
        <w:pStyle w:val="NoSpacing"/>
        <w:tabs>
          <w:tab w:val="left" w:pos="540"/>
          <w:tab w:val="left" w:pos="900"/>
        </w:tabs>
        <w:rPr>
          <w:rFonts w:ascii="Arial" w:hAnsi="Arial" w:cs="Arial"/>
          <w:sz w:val="24"/>
          <w:szCs w:val="24"/>
        </w:rPr>
      </w:pPr>
      <w:r w:rsidRPr="00F219B9">
        <w:rPr>
          <w:rFonts w:ascii="Arial" w:hAnsi="Arial" w:cs="Arial"/>
          <w:sz w:val="24"/>
          <w:szCs w:val="24"/>
        </w:rPr>
        <w:tab/>
      </w:r>
      <w:r w:rsidRPr="00F219B9">
        <w:rPr>
          <w:rFonts w:ascii="Arial" w:hAnsi="Arial" w:cs="Arial"/>
          <w:sz w:val="24"/>
          <w:szCs w:val="24"/>
        </w:rPr>
        <w:tab/>
      </w:r>
      <w:r w:rsidR="00E776DF" w:rsidRPr="00F219B9">
        <w:rPr>
          <w:rFonts w:ascii="Arial" w:hAnsi="Arial" w:cs="Arial"/>
          <w:sz w:val="24"/>
          <w:szCs w:val="24"/>
        </w:rPr>
        <w:tab/>
      </w:r>
    </w:p>
    <w:p w14:paraId="705426F3" w14:textId="2137AB05" w:rsidR="0005202B" w:rsidRPr="00F219B9" w:rsidRDefault="00D41794" w:rsidP="00F566AA">
      <w:pPr>
        <w:pStyle w:val="NoSpacing"/>
        <w:tabs>
          <w:tab w:val="left" w:pos="540"/>
          <w:tab w:val="left" w:pos="900"/>
        </w:tabs>
        <w:ind w:left="540"/>
        <w:rPr>
          <w:rFonts w:ascii="Arial" w:hAnsi="Arial" w:cs="Arial"/>
          <w:sz w:val="24"/>
          <w:szCs w:val="24"/>
        </w:rPr>
      </w:pPr>
      <w:r w:rsidRPr="00F219B9">
        <w:rPr>
          <w:rFonts w:ascii="Arial" w:hAnsi="Arial" w:cs="Arial"/>
          <w:sz w:val="24"/>
          <w:szCs w:val="24"/>
        </w:rPr>
        <w:tab/>
      </w:r>
    </w:p>
    <w:p w14:paraId="11DDEAD4" w14:textId="47769BC5" w:rsidR="00452E01" w:rsidRPr="00F219B9" w:rsidRDefault="00737A85" w:rsidP="00737A85">
      <w:pPr>
        <w:pStyle w:val="NoSpacing"/>
        <w:numPr>
          <w:ilvl w:val="0"/>
          <w:numId w:val="30"/>
        </w:numPr>
        <w:tabs>
          <w:tab w:val="left" w:pos="540"/>
          <w:tab w:val="left" w:pos="900"/>
        </w:tabs>
        <w:rPr>
          <w:rFonts w:ascii="Arial" w:hAnsi="Arial" w:cs="Arial"/>
          <w:sz w:val="24"/>
          <w:szCs w:val="24"/>
        </w:rPr>
      </w:pPr>
      <w:r>
        <w:rPr>
          <w:rFonts w:ascii="Arial" w:hAnsi="Arial" w:cs="Arial"/>
          <w:sz w:val="24"/>
          <w:szCs w:val="24"/>
        </w:rPr>
        <w:t>Adjourn</w:t>
      </w:r>
      <w:r w:rsidR="00452E01" w:rsidRPr="00F219B9">
        <w:rPr>
          <w:rFonts w:ascii="Arial" w:hAnsi="Arial" w:cs="Arial"/>
          <w:sz w:val="24"/>
          <w:szCs w:val="24"/>
        </w:rPr>
        <w:tab/>
      </w:r>
      <w:r w:rsidR="00452E01" w:rsidRPr="00F219B9">
        <w:rPr>
          <w:rFonts w:ascii="Arial" w:hAnsi="Arial" w:cs="Arial"/>
          <w:sz w:val="24"/>
          <w:szCs w:val="24"/>
        </w:rPr>
        <w:tab/>
      </w:r>
    </w:p>
    <w:p w14:paraId="0A2969BC" w14:textId="77777777" w:rsidR="00452E01" w:rsidRPr="00F219B9" w:rsidRDefault="00452E01" w:rsidP="00CF4C58">
      <w:pPr>
        <w:pStyle w:val="NoSpacing"/>
        <w:tabs>
          <w:tab w:val="left" w:pos="450"/>
        </w:tabs>
        <w:rPr>
          <w:rFonts w:ascii="Arial" w:hAnsi="Arial" w:cs="Arial"/>
          <w:sz w:val="24"/>
          <w:szCs w:val="24"/>
        </w:rPr>
      </w:pPr>
    </w:p>
    <w:p w14:paraId="1B9A021B" w14:textId="1F3694CD" w:rsidR="005941F5" w:rsidRPr="00F219B9" w:rsidRDefault="005941F5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154C5DC5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397C488D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1C61CA3A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54490540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167C4F9E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4001E279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52AF7D05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34FDD4C0" w14:textId="77777777" w:rsidR="00452E01" w:rsidRPr="00F219B9" w:rsidRDefault="00452E01" w:rsidP="00CF4C58">
      <w:pPr>
        <w:pStyle w:val="NoSpacing"/>
        <w:tabs>
          <w:tab w:val="left" w:pos="540"/>
        </w:tabs>
        <w:rPr>
          <w:rFonts w:ascii="Arial" w:hAnsi="Arial" w:cs="Arial"/>
          <w:sz w:val="24"/>
          <w:szCs w:val="24"/>
        </w:rPr>
      </w:pPr>
    </w:p>
    <w:p w14:paraId="5463A140" w14:textId="77777777" w:rsidR="00452E01" w:rsidRDefault="00452E01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36BA7287" w14:textId="77777777" w:rsidR="00452E01" w:rsidRDefault="00452E01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0A5405D0" w14:textId="77777777" w:rsidR="00452E01" w:rsidRDefault="00452E01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573AFBD5" w14:textId="77777777" w:rsidR="00452E01" w:rsidRDefault="00452E01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470F5BCD" w14:textId="77777777" w:rsidR="00746CBE" w:rsidRDefault="00746CBE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783DC713" w14:textId="77777777" w:rsidR="00746CBE" w:rsidRDefault="00746CBE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46EB33C4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1B6FD73A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256F2258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19C10E05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21838213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24B5BE0C" w14:textId="77777777" w:rsidR="008E3E4F" w:rsidRDefault="008E3E4F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48272989" w14:textId="77777777" w:rsidR="00746CBE" w:rsidRDefault="00746CBE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149FBE77" w14:textId="77777777" w:rsidR="00746CBE" w:rsidRDefault="00746CBE" w:rsidP="00CF4C58">
      <w:pPr>
        <w:pStyle w:val="NoSpacing"/>
        <w:tabs>
          <w:tab w:val="left" w:pos="540"/>
        </w:tabs>
        <w:rPr>
          <w:rFonts w:ascii="Arial" w:hAnsi="Arial" w:cs="Arial"/>
        </w:rPr>
      </w:pPr>
    </w:p>
    <w:p w14:paraId="21CCB2CB" w14:textId="18C3B35E" w:rsidR="00BA1578" w:rsidRPr="00C440E1" w:rsidRDefault="008E3E4F" w:rsidP="00CF4C58">
      <w:pPr>
        <w:pStyle w:val="NoSpacing"/>
        <w:tabs>
          <w:tab w:val="left" w:pos="540"/>
        </w:tabs>
        <w:rPr>
          <w:rFonts w:ascii="Arial" w:hAnsi="Arial" w:cs="Arial"/>
          <w:smallCaps/>
          <w:sz w:val="18"/>
          <w:szCs w:val="18"/>
        </w:rPr>
      </w:pPr>
      <w:r>
        <w:rPr>
          <w:rFonts w:ascii="Arial" w:hAnsi="Arial" w:cs="Arial"/>
          <w:smallCaps/>
          <w:sz w:val="18"/>
          <w:szCs w:val="18"/>
        </w:rPr>
        <w:t>The</w:t>
      </w:r>
      <w:r w:rsidR="00FF335B" w:rsidRPr="005B60C5">
        <w:rPr>
          <w:rFonts w:ascii="Arial" w:hAnsi="Arial" w:cs="Arial"/>
          <w:smallCaps/>
          <w:sz w:val="18"/>
          <w:szCs w:val="18"/>
        </w:rPr>
        <w:t xml:space="preserve"> c</w:t>
      </w:r>
      <w:r w:rsidR="00FF335B" w:rsidRPr="0036788C">
        <w:rPr>
          <w:rFonts w:ascii="Arial" w:hAnsi="Arial" w:cs="Arial"/>
          <w:smallCaps/>
          <w:sz w:val="18"/>
          <w:szCs w:val="18"/>
        </w:rPr>
        <w:t xml:space="preserve">ity of </w:t>
      </w:r>
      <w:proofErr w:type="spellStart"/>
      <w:r w:rsidR="00FF335B" w:rsidRPr="0036788C">
        <w:rPr>
          <w:rFonts w:ascii="Arial" w:hAnsi="Arial" w:cs="Arial"/>
          <w:smallCaps/>
          <w:sz w:val="18"/>
          <w:szCs w:val="18"/>
        </w:rPr>
        <w:t>southgate</w:t>
      </w:r>
      <w:proofErr w:type="spellEnd"/>
      <w:r w:rsidR="00FF335B" w:rsidRPr="0036788C">
        <w:rPr>
          <w:rFonts w:ascii="Arial" w:hAnsi="Arial" w:cs="Arial"/>
          <w:smallCaps/>
          <w:sz w:val="18"/>
          <w:szCs w:val="18"/>
        </w:rPr>
        <w:t xml:space="preserve"> will make every reasonable accommodation to assist qualified persons with disabilities accessing available services or in attending city activities.  If there is a need for the city to be aware of a specific requirement, you are encouraged to contact the city clerk prior to the activity so that suitable arrangements can be considered for the delivery of the service.</w:t>
      </w:r>
    </w:p>
    <w:sectPr w:rsidR="00BA1578" w:rsidRPr="00C440E1" w:rsidSect="005915DF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720" w:right="720" w:bottom="720" w:left="720" w:header="720" w:footer="720" w:gutter="0"/>
      <w:cols w:space="720"/>
      <w:docGrid w:linePitch="381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endnote w:type="separator" w:id="-1">
    <w:p w14:paraId="74C9BDDF" w14:textId="77777777" w:rsidR="0032685D" w:rsidRDefault="0032685D" w:rsidP="0032685D">
      <w:r>
        <w:separator/>
      </w:r>
    </w:p>
  </w:endnote>
  <w:endnote w:type="continuationSeparator" w:id="0">
    <w:p w14:paraId="0A66B857" w14:textId="77777777" w:rsidR="0032685D" w:rsidRDefault="0032685D" w:rsidP="0032685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font w:name="Stencil">
    <w:panose1 w:val="040409050D0802020404"/>
    <w:charset w:val="00"/>
    <w:family w:val="decorative"/>
    <w:pitch w:val="variable"/>
    <w:sig w:usb0="00000003" w:usb1="00000000" w:usb2="00000000" w:usb3="00000000" w:csb0="00000001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685AB198" w14:textId="77777777" w:rsidR="0032685D" w:rsidRDefault="0032685D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7DED80C" w14:textId="3657890D" w:rsidR="0032685D" w:rsidRDefault="0032685D">
    <w:pPr>
      <w:pStyle w:val="Footer"/>
    </w:pPr>
    <w:r>
      <w:t>#2359026v1</w:t>
    </w:r>
  </w:p>
  <w:p w14:paraId="47A28006" w14:textId="0133AED3" w:rsidR="009A463D" w:rsidRDefault="009A463D" w:rsidP="009A463D">
    <w:pPr>
      <w:pStyle w:val="Footer"/>
    </w:pPr>
    <w:fldSimple w:instr=" DOCPROPERTY iManageFooter \* MERGEFORMAT ">
      <w:r>
        <w:t>#5164757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3C81DEFC" w14:textId="77777777" w:rsidR="0032685D" w:rsidRDefault="0032685D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footnote w:type="separator" w:id="-1">
    <w:p w14:paraId="0D42CA90" w14:textId="77777777" w:rsidR="0032685D" w:rsidRDefault="0032685D" w:rsidP="0032685D">
      <w:r>
        <w:separator/>
      </w:r>
    </w:p>
  </w:footnote>
  <w:footnote w:type="continuationSeparator" w:id="0">
    <w:p w14:paraId="0FC268EC" w14:textId="77777777" w:rsidR="0032685D" w:rsidRDefault="0032685D" w:rsidP="0032685D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0BC87165" w14:textId="77777777" w:rsidR="0032685D" w:rsidRDefault="0032685D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1FC4C5AD" w14:textId="77777777" w:rsidR="0032685D" w:rsidRDefault="0032685D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p w14:paraId="26D96371" w14:textId="77777777" w:rsidR="0032685D" w:rsidRDefault="0032685D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sdtfl w16du wp14">
  <w:abstractNum w:abstractNumId="0" w15:restartNumberingAfterBreak="0">
    <w:nsid w:val="08B0690D"/>
    <w:multiLevelType w:val="hybridMultilevel"/>
    <w:tmpl w:val="DCD469E8"/>
    <w:lvl w:ilvl="0" w:tplc="3A0C2726">
      <w:start w:val="1"/>
      <w:numFmt w:val="bullet"/>
      <w:lvlText w:val="•"/>
      <w:lvlJc w:val="left"/>
      <w:pPr>
        <w:ind w:left="630" w:hanging="360"/>
      </w:pPr>
      <w:rPr>
        <w:rFonts w:ascii="Stencil" w:hAnsi="Stencil" w:hint="default"/>
      </w:rPr>
    </w:lvl>
    <w:lvl w:ilvl="1" w:tplc="04090003" w:tentative="1">
      <w:start w:val="1"/>
      <w:numFmt w:val="bullet"/>
      <w:lvlText w:val="o"/>
      <w:lvlJc w:val="left"/>
      <w:pPr>
        <w:ind w:left="135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07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79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51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23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95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67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390" w:hanging="360"/>
      </w:pPr>
      <w:rPr>
        <w:rFonts w:ascii="Wingdings" w:hAnsi="Wingdings" w:hint="default"/>
      </w:rPr>
    </w:lvl>
  </w:abstractNum>
  <w:abstractNum w:abstractNumId="1" w15:restartNumberingAfterBreak="0">
    <w:nsid w:val="09BF0E5B"/>
    <w:multiLevelType w:val="hybridMultilevel"/>
    <w:tmpl w:val="2848B928"/>
    <w:lvl w:ilvl="0" w:tplc="43BAB376">
      <w:start w:val="1"/>
      <w:numFmt w:val="upperRoman"/>
      <w:lvlText w:val="%1."/>
      <w:lvlJc w:val="left"/>
      <w:pPr>
        <w:ind w:left="72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080" w:hanging="360"/>
      </w:pPr>
    </w:lvl>
    <w:lvl w:ilvl="2" w:tplc="0409001B" w:tentative="1">
      <w:start w:val="1"/>
      <w:numFmt w:val="lowerRoman"/>
      <w:lvlText w:val="%3."/>
      <w:lvlJc w:val="right"/>
      <w:pPr>
        <w:ind w:left="1800" w:hanging="180"/>
      </w:pPr>
    </w:lvl>
    <w:lvl w:ilvl="3" w:tplc="0409000F" w:tentative="1">
      <w:start w:val="1"/>
      <w:numFmt w:val="decimal"/>
      <w:lvlText w:val="%4."/>
      <w:lvlJc w:val="left"/>
      <w:pPr>
        <w:ind w:left="2520" w:hanging="360"/>
      </w:pPr>
    </w:lvl>
    <w:lvl w:ilvl="4" w:tplc="04090019" w:tentative="1">
      <w:start w:val="1"/>
      <w:numFmt w:val="lowerLetter"/>
      <w:lvlText w:val="%5."/>
      <w:lvlJc w:val="left"/>
      <w:pPr>
        <w:ind w:left="3240" w:hanging="360"/>
      </w:pPr>
    </w:lvl>
    <w:lvl w:ilvl="5" w:tplc="0409001B" w:tentative="1">
      <w:start w:val="1"/>
      <w:numFmt w:val="lowerRoman"/>
      <w:lvlText w:val="%6."/>
      <w:lvlJc w:val="right"/>
      <w:pPr>
        <w:ind w:left="3960" w:hanging="180"/>
      </w:pPr>
    </w:lvl>
    <w:lvl w:ilvl="6" w:tplc="0409000F" w:tentative="1">
      <w:start w:val="1"/>
      <w:numFmt w:val="decimal"/>
      <w:lvlText w:val="%7."/>
      <w:lvlJc w:val="left"/>
      <w:pPr>
        <w:ind w:left="4680" w:hanging="360"/>
      </w:pPr>
    </w:lvl>
    <w:lvl w:ilvl="7" w:tplc="04090019" w:tentative="1">
      <w:start w:val="1"/>
      <w:numFmt w:val="lowerLetter"/>
      <w:lvlText w:val="%8."/>
      <w:lvlJc w:val="left"/>
      <w:pPr>
        <w:ind w:left="5400" w:hanging="360"/>
      </w:pPr>
    </w:lvl>
    <w:lvl w:ilvl="8" w:tplc="0409001B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2" w15:restartNumberingAfterBreak="0">
    <w:nsid w:val="100713AD"/>
    <w:multiLevelType w:val="hybridMultilevel"/>
    <w:tmpl w:val="27568116"/>
    <w:lvl w:ilvl="0" w:tplc="3BD6E650">
      <w:start w:val="1"/>
      <w:numFmt w:val="upperLetter"/>
      <w:lvlText w:val="%1."/>
      <w:lvlJc w:val="left"/>
      <w:pPr>
        <w:ind w:left="81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530" w:hanging="360"/>
      </w:pPr>
    </w:lvl>
    <w:lvl w:ilvl="2" w:tplc="0409001B" w:tentative="1">
      <w:start w:val="1"/>
      <w:numFmt w:val="lowerRoman"/>
      <w:lvlText w:val="%3."/>
      <w:lvlJc w:val="right"/>
      <w:pPr>
        <w:ind w:left="2250" w:hanging="180"/>
      </w:pPr>
    </w:lvl>
    <w:lvl w:ilvl="3" w:tplc="0409000F" w:tentative="1">
      <w:start w:val="1"/>
      <w:numFmt w:val="decimal"/>
      <w:lvlText w:val="%4."/>
      <w:lvlJc w:val="left"/>
      <w:pPr>
        <w:ind w:left="2970" w:hanging="360"/>
      </w:pPr>
    </w:lvl>
    <w:lvl w:ilvl="4" w:tplc="04090019" w:tentative="1">
      <w:start w:val="1"/>
      <w:numFmt w:val="lowerLetter"/>
      <w:lvlText w:val="%5."/>
      <w:lvlJc w:val="left"/>
      <w:pPr>
        <w:ind w:left="3690" w:hanging="360"/>
      </w:pPr>
    </w:lvl>
    <w:lvl w:ilvl="5" w:tplc="0409001B" w:tentative="1">
      <w:start w:val="1"/>
      <w:numFmt w:val="lowerRoman"/>
      <w:lvlText w:val="%6."/>
      <w:lvlJc w:val="right"/>
      <w:pPr>
        <w:ind w:left="4410" w:hanging="180"/>
      </w:pPr>
    </w:lvl>
    <w:lvl w:ilvl="6" w:tplc="0409000F" w:tentative="1">
      <w:start w:val="1"/>
      <w:numFmt w:val="decimal"/>
      <w:lvlText w:val="%7."/>
      <w:lvlJc w:val="left"/>
      <w:pPr>
        <w:ind w:left="5130" w:hanging="360"/>
      </w:pPr>
    </w:lvl>
    <w:lvl w:ilvl="7" w:tplc="04090019" w:tentative="1">
      <w:start w:val="1"/>
      <w:numFmt w:val="lowerLetter"/>
      <w:lvlText w:val="%8."/>
      <w:lvlJc w:val="left"/>
      <w:pPr>
        <w:ind w:left="5850" w:hanging="360"/>
      </w:pPr>
    </w:lvl>
    <w:lvl w:ilvl="8" w:tplc="0409001B" w:tentative="1">
      <w:start w:val="1"/>
      <w:numFmt w:val="lowerRoman"/>
      <w:lvlText w:val="%9."/>
      <w:lvlJc w:val="right"/>
      <w:pPr>
        <w:ind w:left="6570" w:hanging="180"/>
      </w:pPr>
    </w:lvl>
  </w:abstractNum>
  <w:abstractNum w:abstractNumId="3" w15:restartNumberingAfterBreak="0">
    <w:nsid w:val="148C62EC"/>
    <w:multiLevelType w:val="hybridMultilevel"/>
    <w:tmpl w:val="A39AE446"/>
    <w:lvl w:ilvl="0" w:tplc="A0323758">
      <w:start w:val="1"/>
      <w:numFmt w:val="upperLetter"/>
      <w:lvlText w:val="%1."/>
      <w:lvlJc w:val="left"/>
      <w:pPr>
        <w:ind w:left="81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30" w:hanging="360"/>
      </w:pPr>
    </w:lvl>
    <w:lvl w:ilvl="2" w:tplc="0409001B" w:tentative="1">
      <w:start w:val="1"/>
      <w:numFmt w:val="lowerRoman"/>
      <w:lvlText w:val="%3."/>
      <w:lvlJc w:val="right"/>
      <w:pPr>
        <w:ind w:left="2250" w:hanging="180"/>
      </w:pPr>
    </w:lvl>
    <w:lvl w:ilvl="3" w:tplc="0409000F" w:tentative="1">
      <w:start w:val="1"/>
      <w:numFmt w:val="decimal"/>
      <w:lvlText w:val="%4."/>
      <w:lvlJc w:val="left"/>
      <w:pPr>
        <w:ind w:left="2970" w:hanging="360"/>
      </w:pPr>
    </w:lvl>
    <w:lvl w:ilvl="4" w:tplc="04090019" w:tentative="1">
      <w:start w:val="1"/>
      <w:numFmt w:val="lowerLetter"/>
      <w:lvlText w:val="%5."/>
      <w:lvlJc w:val="left"/>
      <w:pPr>
        <w:ind w:left="3690" w:hanging="360"/>
      </w:pPr>
    </w:lvl>
    <w:lvl w:ilvl="5" w:tplc="0409001B" w:tentative="1">
      <w:start w:val="1"/>
      <w:numFmt w:val="lowerRoman"/>
      <w:lvlText w:val="%6."/>
      <w:lvlJc w:val="right"/>
      <w:pPr>
        <w:ind w:left="4410" w:hanging="180"/>
      </w:pPr>
    </w:lvl>
    <w:lvl w:ilvl="6" w:tplc="0409000F" w:tentative="1">
      <w:start w:val="1"/>
      <w:numFmt w:val="decimal"/>
      <w:lvlText w:val="%7."/>
      <w:lvlJc w:val="left"/>
      <w:pPr>
        <w:ind w:left="5130" w:hanging="360"/>
      </w:pPr>
    </w:lvl>
    <w:lvl w:ilvl="7" w:tplc="04090019" w:tentative="1">
      <w:start w:val="1"/>
      <w:numFmt w:val="lowerLetter"/>
      <w:lvlText w:val="%8."/>
      <w:lvlJc w:val="left"/>
      <w:pPr>
        <w:ind w:left="5850" w:hanging="360"/>
      </w:pPr>
    </w:lvl>
    <w:lvl w:ilvl="8" w:tplc="0409001B" w:tentative="1">
      <w:start w:val="1"/>
      <w:numFmt w:val="lowerRoman"/>
      <w:lvlText w:val="%9."/>
      <w:lvlJc w:val="right"/>
      <w:pPr>
        <w:ind w:left="6570" w:hanging="180"/>
      </w:pPr>
    </w:lvl>
  </w:abstractNum>
  <w:abstractNum w:abstractNumId="4" w15:restartNumberingAfterBreak="0">
    <w:nsid w:val="14FD58CB"/>
    <w:multiLevelType w:val="hybridMultilevel"/>
    <w:tmpl w:val="DDA6B8A2"/>
    <w:lvl w:ilvl="0" w:tplc="F18645D2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5" w15:restartNumberingAfterBreak="0">
    <w:nsid w:val="16852110"/>
    <w:multiLevelType w:val="hybridMultilevel"/>
    <w:tmpl w:val="F692EFE0"/>
    <w:lvl w:ilvl="0" w:tplc="04090015">
      <w:start w:val="24"/>
      <w:numFmt w:val="upperLetter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16DD42CC"/>
    <w:multiLevelType w:val="hybridMultilevel"/>
    <w:tmpl w:val="D7488C74"/>
    <w:lvl w:ilvl="0" w:tplc="8236EC54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7" w15:restartNumberingAfterBreak="0">
    <w:nsid w:val="1CB91E6A"/>
    <w:multiLevelType w:val="hybridMultilevel"/>
    <w:tmpl w:val="4C245420"/>
    <w:lvl w:ilvl="0" w:tplc="3A7E77DA">
      <w:start w:val="5"/>
      <w:numFmt w:val="bullet"/>
      <w:lvlText w:val=""/>
      <w:lvlJc w:val="left"/>
      <w:pPr>
        <w:ind w:left="1080" w:hanging="360"/>
      </w:pPr>
      <w:rPr>
        <w:rFonts w:ascii="Symbol" w:eastAsia="Times New Roman" w:hAnsi="Symbol" w:cs="Arial" w:hint="default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8" w15:restartNumberingAfterBreak="0">
    <w:nsid w:val="1F280146"/>
    <w:multiLevelType w:val="hybridMultilevel"/>
    <w:tmpl w:val="45C03190"/>
    <w:lvl w:ilvl="0" w:tplc="1674E4CE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9" w15:restartNumberingAfterBreak="0">
    <w:nsid w:val="234A15C9"/>
    <w:multiLevelType w:val="hybridMultilevel"/>
    <w:tmpl w:val="3A52EE66"/>
    <w:lvl w:ilvl="0" w:tplc="6ABE5604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0" w15:restartNumberingAfterBreak="0">
    <w:nsid w:val="26374CA7"/>
    <w:multiLevelType w:val="hybridMultilevel"/>
    <w:tmpl w:val="D49CDE58"/>
    <w:lvl w:ilvl="0" w:tplc="A198D5A6">
      <w:start w:val="5"/>
      <w:numFmt w:val="upperRoman"/>
      <w:lvlText w:val="%1."/>
      <w:lvlJc w:val="left"/>
      <w:pPr>
        <w:ind w:left="108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269B3E20"/>
    <w:multiLevelType w:val="hybridMultilevel"/>
    <w:tmpl w:val="0400EDDE"/>
    <w:lvl w:ilvl="0" w:tplc="ED9AB0EC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2" w15:restartNumberingAfterBreak="0">
    <w:nsid w:val="2F2D1058"/>
    <w:multiLevelType w:val="hybridMultilevel"/>
    <w:tmpl w:val="FA1CA2B0"/>
    <w:lvl w:ilvl="0" w:tplc="FF363E56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3" w15:restartNumberingAfterBreak="0">
    <w:nsid w:val="3B7001AD"/>
    <w:multiLevelType w:val="hybridMultilevel"/>
    <w:tmpl w:val="73F643BC"/>
    <w:lvl w:ilvl="0" w:tplc="D1449BBE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4" w15:restartNumberingAfterBreak="0">
    <w:nsid w:val="3F3E6895"/>
    <w:multiLevelType w:val="hybridMultilevel"/>
    <w:tmpl w:val="C6E6223A"/>
    <w:lvl w:ilvl="0" w:tplc="12907FB6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5" w15:restartNumberingAfterBreak="0">
    <w:nsid w:val="44F65B1F"/>
    <w:multiLevelType w:val="hybridMultilevel"/>
    <w:tmpl w:val="CC08F7B2"/>
    <w:lvl w:ilvl="0" w:tplc="306E41FC">
      <w:start w:val="1"/>
      <w:numFmt w:val="upperRoman"/>
      <w:lvlText w:val="%1."/>
      <w:lvlJc w:val="left"/>
      <w:pPr>
        <w:ind w:left="180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6" w15:restartNumberingAfterBreak="0">
    <w:nsid w:val="4A265DAF"/>
    <w:multiLevelType w:val="hybridMultilevel"/>
    <w:tmpl w:val="C8EE066C"/>
    <w:lvl w:ilvl="0" w:tplc="3294E850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7" w15:restartNumberingAfterBreak="0">
    <w:nsid w:val="4B511FE8"/>
    <w:multiLevelType w:val="hybridMultilevel"/>
    <w:tmpl w:val="20E2D6BC"/>
    <w:lvl w:ilvl="0" w:tplc="F106FCF0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18" w15:restartNumberingAfterBreak="0">
    <w:nsid w:val="4E682D08"/>
    <w:multiLevelType w:val="hybridMultilevel"/>
    <w:tmpl w:val="53B4ACC6"/>
    <w:lvl w:ilvl="0" w:tplc="935478A8">
      <w:start w:val="1"/>
      <w:numFmt w:val="upperRoman"/>
      <w:lvlText w:val="%1."/>
      <w:lvlJc w:val="left"/>
      <w:pPr>
        <w:ind w:left="108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9" w15:restartNumberingAfterBreak="0">
    <w:nsid w:val="4ECA5A25"/>
    <w:multiLevelType w:val="hybridMultilevel"/>
    <w:tmpl w:val="EE5CCBE2"/>
    <w:lvl w:ilvl="0" w:tplc="8D30EF7C">
      <w:start w:val="1"/>
      <w:numFmt w:val="upperLetter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0" w15:restartNumberingAfterBreak="0">
    <w:nsid w:val="504F3353"/>
    <w:multiLevelType w:val="hybridMultilevel"/>
    <w:tmpl w:val="62AA8742"/>
    <w:lvl w:ilvl="0" w:tplc="9D44CD02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21" w15:restartNumberingAfterBreak="0">
    <w:nsid w:val="52460C55"/>
    <w:multiLevelType w:val="hybridMultilevel"/>
    <w:tmpl w:val="A6BAD642"/>
    <w:lvl w:ilvl="0" w:tplc="04090001">
      <w:start w:val="1"/>
      <w:numFmt w:val="bullet"/>
      <w:lvlText w:val=""/>
      <w:lvlJc w:val="left"/>
      <w:pPr>
        <w:ind w:left="99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71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43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15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87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59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31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03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750" w:hanging="360"/>
      </w:pPr>
      <w:rPr>
        <w:rFonts w:ascii="Wingdings" w:hAnsi="Wingdings" w:hint="default"/>
      </w:rPr>
    </w:lvl>
  </w:abstractNum>
  <w:abstractNum w:abstractNumId="22" w15:restartNumberingAfterBreak="0">
    <w:nsid w:val="61606DEE"/>
    <w:multiLevelType w:val="hybridMultilevel"/>
    <w:tmpl w:val="142A0B4A"/>
    <w:lvl w:ilvl="0" w:tplc="D5A6C9D2">
      <w:start w:val="3"/>
      <w:numFmt w:val="upperRoman"/>
      <w:lvlText w:val="%1."/>
      <w:lvlJc w:val="left"/>
      <w:pPr>
        <w:ind w:left="108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3" w15:restartNumberingAfterBreak="0">
    <w:nsid w:val="666469B8"/>
    <w:multiLevelType w:val="hybridMultilevel"/>
    <w:tmpl w:val="758E396A"/>
    <w:lvl w:ilvl="0" w:tplc="3C48FFB6">
      <w:start w:val="1"/>
      <w:numFmt w:val="upperLetter"/>
      <w:lvlText w:val="%1."/>
      <w:lvlJc w:val="left"/>
      <w:pPr>
        <w:ind w:left="81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30" w:hanging="360"/>
      </w:pPr>
    </w:lvl>
    <w:lvl w:ilvl="2" w:tplc="0409001B" w:tentative="1">
      <w:start w:val="1"/>
      <w:numFmt w:val="lowerRoman"/>
      <w:lvlText w:val="%3."/>
      <w:lvlJc w:val="right"/>
      <w:pPr>
        <w:ind w:left="2250" w:hanging="180"/>
      </w:pPr>
    </w:lvl>
    <w:lvl w:ilvl="3" w:tplc="0409000F" w:tentative="1">
      <w:start w:val="1"/>
      <w:numFmt w:val="decimal"/>
      <w:lvlText w:val="%4."/>
      <w:lvlJc w:val="left"/>
      <w:pPr>
        <w:ind w:left="2970" w:hanging="360"/>
      </w:pPr>
    </w:lvl>
    <w:lvl w:ilvl="4" w:tplc="04090019" w:tentative="1">
      <w:start w:val="1"/>
      <w:numFmt w:val="lowerLetter"/>
      <w:lvlText w:val="%5."/>
      <w:lvlJc w:val="left"/>
      <w:pPr>
        <w:ind w:left="3690" w:hanging="360"/>
      </w:pPr>
    </w:lvl>
    <w:lvl w:ilvl="5" w:tplc="0409001B" w:tentative="1">
      <w:start w:val="1"/>
      <w:numFmt w:val="lowerRoman"/>
      <w:lvlText w:val="%6."/>
      <w:lvlJc w:val="right"/>
      <w:pPr>
        <w:ind w:left="4410" w:hanging="180"/>
      </w:pPr>
    </w:lvl>
    <w:lvl w:ilvl="6" w:tplc="0409000F" w:tentative="1">
      <w:start w:val="1"/>
      <w:numFmt w:val="decimal"/>
      <w:lvlText w:val="%7."/>
      <w:lvlJc w:val="left"/>
      <w:pPr>
        <w:ind w:left="5130" w:hanging="360"/>
      </w:pPr>
    </w:lvl>
    <w:lvl w:ilvl="7" w:tplc="04090019" w:tentative="1">
      <w:start w:val="1"/>
      <w:numFmt w:val="lowerLetter"/>
      <w:lvlText w:val="%8."/>
      <w:lvlJc w:val="left"/>
      <w:pPr>
        <w:ind w:left="5850" w:hanging="360"/>
      </w:pPr>
    </w:lvl>
    <w:lvl w:ilvl="8" w:tplc="0409001B" w:tentative="1">
      <w:start w:val="1"/>
      <w:numFmt w:val="lowerRoman"/>
      <w:lvlText w:val="%9."/>
      <w:lvlJc w:val="right"/>
      <w:pPr>
        <w:ind w:left="6570" w:hanging="180"/>
      </w:pPr>
    </w:lvl>
  </w:abstractNum>
  <w:abstractNum w:abstractNumId="24" w15:restartNumberingAfterBreak="0">
    <w:nsid w:val="680837AE"/>
    <w:multiLevelType w:val="hybridMultilevel"/>
    <w:tmpl w:val="033216C0"/>
    <w:lvl w:ilvl="0" w:tplc="3A0C2726">
      <w:start w:val="1"/>
      <w:numFmt w:val="bullet"/>
      <w:lvlText w:val="•"/>
      <w:lvlJc w:val="left"/>
      <w:pPr>
        <w:ind w:left="2970" w:hanging="360"/>
      </w:pPr>
      <w:rPr>
        <w:rFonts w:ascii="Stencil" w:hAnsi="Stencil" w:hint="default"/>
      </w:rPr>
    </w:lvl>
    <w:lvl w:ilvl="1" w:tplc="04090003" w:tentative="1">
      <w:start w:val="1"/>
      <w:numFmt w:val="bullet"/>
      <w:lvlText w:val="o"/>
      <w:lvlJc w:val="left"/>
      <w:pPr>
        <w:ind w:left="369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441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513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85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657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729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801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8730" w:hanging="360"/>
      </w:pPr>
      <w:rPr>
        <w:rFonts w:ascii="Wingdings" w:hAnsi="Wingdings" w:hint="default"/>
      </w:rPr>
    </w:lvl>
  </w:abstractNum>
  <w:abstractNum w:abstractNumId="25" w15:restartNumberingAfterBreak="0">
    <w:nsid w:val="6BB83FCB"/>
    <w:multiLevelType w:val="hybridMultilevel"/>
    <w:tmpl w:val="1C7C4434"/>
    <w:lvl w:ilvl="0" w:tplc="3A0C2726">
      <w:start w:val="1"/>
      <w:numFmt w:val="bullet"/>
      <w:lvlText w:val="•"/>
      <w:lvlJc w:val="left"/>
      <w:pPr>
        <w:ind w:left="1170" w:hanging="360"/>
      </w:pPr>
      <w:rPr>
        <w:rFonts w:ascii="Stencil" w:hAnsi="Stencil" w:hint="default"/>
      </w:rPr>
    </w:lvl>
    <w:lvl w:ilvl="1" w:tplc="04090003" w:tentative="1">
      <w:start w:val="1"/>
      <w:numFmt w:val="bullet"/>
      <w:lvlText w:val="o"/>
      <w:lvlJc w:val="left"/>
      <w:pPr>
        <w:ind w:left="189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61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33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05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77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9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21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930" w:hanging="360"/>
      </w:pPr>
      <w:rPr>
        <w:rFonts w:ascii="Wingdings" w:hAnsi="Wingdings" w:hint="default"/>
      </w:rPr>
    </w:lvl>
  </w:abstractNum>
  <w:abstractNum w:abstractNumId="26" w15:restartNumberingAfterBreak="0">
    <w:nsid w:val="6ED773E1"/>
    <w:multiLevelType w:val="hybridMultilevel"/>
    <w:tmpl w:val="A670B182"/>
    <w:lvl w:ilvl="0" w:tplc="287CA880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27" w15:restartNumberingAfterBreak="0">
    <w:nsid w:val="72144619"/>
    <w:multiLevelType w:val="hybridMultilevel"/>
    <w:tmpl w:val="ED4AF354"/>
    <w:lvl w:ilvl="0" w:tplc="1C5E8864">
      <w:start w:val="1"/>
      <w:numFmt w:val="upperLetter"/>
      <w:lvlText w:val="%1."/>
      <w:lvlJc w:val="left"/>
      <w:pPr>
        <w:ind w:left="9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620" w:hanging="360"/>
      </w:pPr>
    </w:lvl>
    <w:lvl w:ilvl="2" w:tplc="0409001B" w:tentative="1">
      <w:start w:val="1"/>
      <w:numFmt w:val="lowerRoman"/>
      <w:lvlText w:val="%3."/>
      <w:lvlJc w:val="right"/>
      <w:pPr>
        <w:ind w:left="2340" w:hanging="180"/>
      </w:pPr>
    </w:lvl>
    <w:lvl w:ilvl="3" w:tplc="0409000F" w:tentative="1">
      <w:start w:val="1"/>
      <w:numFmt w:val="decimal"/>
      <w:lvlText w:val="%4."/>
      <w:lvlJc w:val="left"/>
      <w:pPr>
        <w:ind w:left="3060" w:hanging="360"/>
      </w:pPr>
    </w:lvl>
    <w:lvl w:ilvl="4" w:tplc="04090019" w:tentative="1">
      <w:start w:val="1"/>
      <w:numFmt w:val="lowerLetter"/>
      <w:lvlText w:val="%5."/>
      <w:lvlJc w:val="left"/>
      <w:pPr>
        <w:ind w:left="3780" w:hanging="360"/>
      </w:p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</w:lvl>
    <w:lvl w:ilvl="6" w:tplc="0409000F" w:tentative="1">
      <w:start w:val="1"/>
      <w:numFmt w:val="decimal"/>
      <w:lvlText w:val="%7."/>
      <w:lvlJc w:val="left"/>
      <w:pPr>
        <w:ind w:left="5220" w:hanging="360"/>
      </w:p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</w:lvl>
  </w:abstractNum>
  <w:abstractNum w:abstractNumId="28" w15:restartNumberingAfterBreak="0">
    <w:nsid w:val="758822B0"/>
    <w:multiLevelType w:val="hybridMultilevel"/>
    <w:tmpl w:val="BF244530"/>
    <w:lvl w:ilvl="0" w:tplc="3A0C2726">
      <w:start w:val="1"/>
      <w:numFmt w:val="bullet"/>
      <w:lvlText w:val="•"/>
      <w:lvlJc w:val="left"/>
      <w:pPr>
        <w:ind w:left="720" w:hanging="360"/>
      </w:pPr>
      <w:rPr>
        <w:rFonts w:ascii="Stencil" w:hAnsi="Stenci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9" w15:restartNumberingAfterBreak="0">
    <w:nsid w:val="77CC234A"/>
    <w:multiLevelType w:val="hybridMultilevel"/>
    <w:tmpl w:val="84A8895E"/>
    <w:lvl w:ilvl="0" w:tplc="6F8EFD9A">
      <w:start w:val="1"/>
      <w:numFmt w:val="upperLetter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num w:numId="1" w16cid:durableId="1378699315">
    <w:abstractNumId w:val="25"/>
  </w:num>
  <w:num w:numId="2" w16cid:durableId="909147141">
    <w:abstractNumId w:val="28"/>
  </w:num>
  <w:num w:numId="3" w16cid:durableId="1020203453">
    <w:abstractNumId w:val="18"/>
  </w:num>
  <w:num w:numId="4" w16cid:durableId="1010253534">
    <w:abstractNumId w:val="22"/>
  </w:num>
  <w:num w:numId="5" w16cid:durableId="1950817318">
    <w:abstractNumId w:val="10"/>
  </w:num>
  <w:num w:numId="6" w16cid:durableId="1882209944">
    <w:abstractNumId w:val="19"/>
  </w:num>
  <w:num w:numId="7" w16cid:durableId="1284337809">
    <w:abstractNumId w:val="2"/>
  </w:num>
  <w:num w:numId="8" w16cid:durableId="573275116">
    <w:abstractNumId w:val="23"/>
  </w:num>
  <w:num w:numId="9" w16cid:durableId="1447583149">
    <w:abstractNumId w:val="29"/>
  </w:num>
  <w:num w:numId="10" w16cid:durableId="878783036">
    <w:abstractNumId w:val="3"/>
  </w:num>
  <w:num w:numId="11" w16cid:durableId="1830557205">
    <w:abstractNumId w:val="15"/>
  </w:num>
  <w:num w:numId="12" w16cid:durableId="1602493253">
    <w:abstractNumId w:val="4"/>
  </w:num>
  <w:num w:numId="13" w16cid:durableId="1366827877">
    <w:abstractNumId w:val="16"/>
  </w:num>
  <w:num w:numId="14" w16cid:durableId="1649938077">
    <w:abstractNumId w:val="5"/>
  </w:num>
  <w:num w:numId="15" w16cid:durableId="1455056996">
    <w:abstractNumId w:val="24"/>
  </w:num>
  <w:num w:numId="16" w16cid:durableId="1954021646">
    <w:abstractNumId w:val="26"/>
  </w:num>
  <w:num w:numId="17" w16cid:durableId="1025446818">
    <w:abstractNumId w:val="14"/>
  </w:num>
  <w:num w:numId="18" w16cid:durableId="475028503">
    <w:abstractNumId w:val="12"/>
  </w:num>
  <w:num w:numId="19" w16cid:durableId="1481193241">
    <w:abstractNumId w:val="0"/>
  </w:num>
  <w:num w:numId="20" w16cid:durableId="1822384922">
    <w:abstractNumId w:val="21"/>
  </w:num>
  <w:num w:numId="21" w16cid:durableId="260261849">
    <w:abstractNumId w:val="20"/>
  </w:num>
  <w:num w:numId="22" w16cid:durableId="1444350604">
    <w:abstractNumId w:val="17"/>
  </w:num>
  <w:num w:numId="23" w16cid:durableId="1446654594">
    <w:abstractNumId w:val="11"/>
  </w:num>
  <w:num w:numId="24" w16cid:durableId="1712077171">
    <w:abstractNumId w:val="9"/>
  </w:num>
  <w:num w:numId="25" w16cid:durableId="1240022579">
    <w:abstractNumId w:val="8"/>
  </w:num>
  <w:num w:numId="26" w16cid:durableId="1081369163">
    <w:abstractNumId w:val="13"/>
  </w:num>
  <w:num w:numId="27" w16cid:durableId="767000346">
    <w:abstractNumId w:val="27"/>
  </w:num>
  <w:num w:numId="28" w16cid:durableId="1654603695">
    <w:abstractNumId w:val="6"/>
  </w:num>
  <w:num w:numId="29" w16cid:durableId="162203308">
    <w:abstractNumId w:val="7"/>
  </w:num>
  <w:num w:numId="30" w16cid:durableId="966353940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xmlns:sl="http://schemas.openxmlformats.org/schemaLibrary/2006/main" mc:Ignorable="w14 w15 w16se w16cid w16 w16cex w16sdtdh w16sdtfl w16du">
  <w:zoom w:percent="100"/>
  <w:activeWritingStyle w:appName="MSWord" w:lang="en-US" w:vendorID="64" w:dllVersion="6" w:nlCheck="1" w:checkStyle="1"/>
  <w:activeWritingStyle w:appName="MSWord" w:lang="en-US" w:vendorID="64" w:dllVersion="0" w:nlCheck="1" w:checkStyle="0"/>
  <w:proofState w:spelling="clean" w:grammar="clean"/>
  <w:defaultTabStop w:val="720"/>
  <w:drawingGridHorizontalSpacing w:val="140"/>
  <w:drawingGridVerticalSpacing w:val="381"/>
  <w:displayHorizontalDrawingGridEvery w:val="2"/>
  <w:characterSpacingControl w:val="doNotCompress"/>
  <w:hdrShapeDefaults>
    <o:shapedefaults v:ext="edit" spidmax="49766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076BF2"/>
    <w:rsid w:val="0000057F"/>
    <w:rsid w:val="00000EB7"/>
    <w:rsid w:val="000023D7"/>
    <w:rsid w:val="00003591"/>
    <w:rsid w:val="000065B9"/>
    <w:rsid w:val="00006D1B"/>
    <w:rsid w:val="000077E7"/>
    <w:rsid w:val="00011FDD"/>
    <w:rsid w:val="00014869"/>
    <w:rsid w:val="00014D74"/>
    <w:rsid w:val="000160F9"/>
    <w:rsid w:val="00020C4E"/>
    <w:rsid w:val="00025D13"/>
    <w:rsid w:val="00026F86"/>
    <w:rsid w:val="00030A2E"/>
    <w:rsid w:val="00031866"/>
    <w:rsid w:val="000328C2"/>
    <w:rsid w:val="00033825"/>
    <w:rsid w:val="00033BB6"/>
    <w:rsid w:val="0003645E"/>
    <w:rsid w:val="00036BFF"/>
    <w:rsid w:val="00041394"/>
    <w:rsid w:val="00041894"/>
    <w:rsid w:val="00041BF6"/>
    <w:rsid w:val="00042AC0"/>
    <w:rsid w:val="0004503E"/>
    <w:rsid w:val="00046668"/>
    <w:rsid w:val="00046E54"/>
    <w:rsid w:val="000508C1"/>
    <w:rsid w:val="0005202B"/>
    <w:rsid w:val="00053453"/>
    <w:rsid w:val="0005359A"/>
    <w:rsid w:val="0005426B"/>
    <w:rsid w:val="00055C82"/>
    <w:rsid w:val="00057B03"/>
    <w:rsid w:val="000604F3"/>
    <w:rsid w:val="0006158A"/>
    <w:rsid w:val="00064F49"/>
    <w:rsid w:val="00065B7A"/>
    <w:rsid w:val="00066D73"/>
    <w:rsid w:val="00067FCB"/>
    <w:rsid w:val="0007015C"/>
    <w:rsid w:val="00071A24"/>
    <w:rsid w:val="000720AA"/>
    <w:rsid w:val="00072FBF"/>
    <w:rsid w:val="00074775"/>
    <w:rsid w:val="0007697B"/>
    <w:rsid w:val="00076BF2"/>
    <w:rsid w:val="000812F2"/>
    <w:rsid w:val="00081957"/>
    <w:rsid w:val="0008425D"/>
    <w:rsid w:val="00087701"/>
    <w:rsid w:val="00090279"/>
    <w:rsid w:val="0009100B"/>
    <w:rsid w:val="00091501"/>
    <w:rsid w:val="00092A96"/>
    <w:rsid w:val="00092EA5"/>
    <w:rsid w:val="00094CE0"/>
    <w:rsid w:val="00097E70"/>
    <w:rsid w:val="000A1FCB"/>
    <w:rsid w:val="000A2D0E"/>
    <w:rsid w:val="000A458D"/>
    <w:rsid w:val="000A491D"/>
    <w:rsid w:val="000A5783"/>
    <w:rsid w:val="000A5F0B"/>
    <w:rsid w:val="000B1082"/>
    <w:rsid w:val="000B1550"/>
    <w:rsid w:val="000B180C"/>
    <w:rsid w:val="000B22E6"/>
    <w:rsid w:val="000B2785"/>
    <w:rsid w:val="000B2C52"/>
    <w:rsid w:val="000B2F2D"/>
    <w:rsid w:val="000B4578"/>
    <w:rsid w:val="000B499F"/>
    <w:rsid w:val="000B5EBF"/>
    <w:rsid w:val="000C032C"/>
    <w:rsid w:val="000C2F73"/>
    <w:rsid w:val="000C586B"/>
    <w:rsid w:val="000C61A4"/>
    <w:rsid w:val="000C729C"/>
    <w:rsid w:val="000C74DA"/>
    <w:rsid w:val="000D192A"/>
    <w:rsid w:val="000D334A"/>
    <w:rsid w:val="000D47DB"/>
    <w:rsid w:val="000D5389"/>
    <w:rsid w:val="000D720C"/>
    <w:rsid w:val="000E0148"/>
    <w:rsid w:val="000E0E81"/>
    <w:rsid w:val="000E1D7B"/>
    <w:rsid w:val="000E2BA2"/>
    <w:rsid w:val="000E4396"/>
    <w:rsid w:val="000E5831"/>
    <w:rsid w:val="000F30AE"/>
    <w:rsid w:val="000F4031"/>
    <w:rsid w:val="000F46E4"/>
    <w:rsid w:val="000F69B4"/>
    <w:rsid w:val="000F6A4C"/>
    <w:rsid w:val="000F7D8B"/>
    <w:rsid w:val="00100B0E"/>
    <w:rsid w:val="00100EFE"/>
    <w:rsid w:val="001011AF"/>
    <w:rsid w:val="001045EB"/>
    <w:rsid w:val="00104CBA"/>
    <w:rsid w:val="0010527C"/>
    <w:rsid w:val="00105371"/>
    <w:rsid w:val="00106D3D"/>
    <w:rsid w:val="00113340"/>
    <w:rsid w:val="00114903"/>
    <w:rsid w:val="00115228"/>
    <w:rsid w:val="0011587D"/>
    <w:rsid w:val="00117596"/>
    <w:rsid w:val="0011788D"/>
    <w:rsid w:val="0012096E"/>
    <w:rsid w:val="00121671"/>
    <w:rsid w:val="00122E4F"/>
    <w:rsid w:val="001243DD"/>
    <w:rsid w:val="00127057"/>
    <w:rsid w:val="00127849"/>
    <w:rsid w:val="00127E94"/>
    <w:rsid w:val="001310D5"/>
    <w:rsid w:val="0013139A"/>
    <w:rsid w:val="00132B05"/>
    <w:rsid w:val="00134A19"/>
    <w:rsid w:val="00135907"/>
    <w:rsid w:val="00143DA1"/>
    <w:rsid w:val="0014411D"/>
    <w:rsid w:val="001450D0"/>
    <w:rsid w:val="00145400"/>
    <w:rsid w:val="00146AB3"/>
    <w:rsid w:val="001518E6"/>
    <w:rsid w:val="001545D9"/>
    <w:rsid w:val="00155158"/>
    <w:rsid w:val="001571E3"/>
    <w:rsid w:val="001622D4"/>
    <w:rsid w:val="00162A5E"/>
    <w:rsid w:val="001630ED"/>
    <w:rsid w:val="001632A5"/>
    <w:rsid w:val="00163C72"/>
    <w:rsid w:val="00165850"/>
    <w:rsid w:val="00165EFD"/>
    <w:rsid w:val="00166FCE"/>
    <w:rsid w:val="00167B19"/>
    <w:rsid w:val="00167CDC"/>
    <w:rsid w:val="0017092E"/>
    <w:rsid w:val="00171D49"/>
    <w:rsid w:val="001742DC"/>
    <w:rsid w:val="001743C3"/>
    <w:rsid w:val="00177B19"/>
    <w:rsid w:val="00181D4F"/>
    <w:rsid w:val="001826DF"/>
    <w:rsid w:val="0018399A"/>
    <w:rsid w:val="00183F74"/>
    <w:rsid w:val="001912DE"/>
    <w:rsid w:val="00191B1B"/>
    <w:rsid w:val="001937D8"/>
    <w:rsid w:val="00194563"/>
    <w:rsid w:val="001961DB"/>
    <w:rsid w:val="001A02D9"/>
    <w:rsid w:val="001A0489"/>
    <w:rsid w:val="001A47E4"/>
    <w:rsid w:val="001A4913"/>
    <w:rsid w:val="001A68FC"/>
    <w:rsid w:val="001A6EF7"/>
    <w:rsid w:val="001A776C"/>
    <w:rsid w:val="001B01C1"/>
    <w:rsid w:val="001B099E"/>
    <w:rsid w:val="001B0C5F"/>
    <w:rsid w:val="001B0C7A"/>
    <w:rsid w:val="001B21D6"/>
    <w:rsid w:val="001B2428"/>
    <w:rsid w:val="001B2E8F"/>
    <w:rsid w:val="001B34C8"/>
    <w:rsid w:val="001B3B27"/>
    <w:rsid w:val="001B4A42"/>
    <w:rsid w:val="001B4BBD"/>
    <w:rsid w:val="001B6143"/>
    <w:rsid w:val="001B6D7E"/>
    <w:rsid w:val="001C0CB6"/>
    <w:rsid w:val="001C39B7"/>
    <w:rsid w:val="001C3A0A"/>
    <w:rsid w:val="001C61B4"/>
    <w:rsid w:val="001C7D08"/>
    <w:rsid w:val="001C7F74"/>
    <w:rsid w:val="001D04A4"/>
    <w:rsid w:val="001D155E"/>
    <w:rsid w:val="001D1C5E"/>
    <w:rsid w:val="001D3C33"/>
    <w:rsid w:val="001D4402"/>
    <w:rsid w:val="001D7E8F"/>
    <w:rsid w:val="001E1541"/>
    <w:rsid w:val="001E5E28"/>
    <w:rsid w:val="001E67E7"/>
    <w:rsid w:val="001E7086"/>
    <w:rsid w:val="001F11DD"/>
    <w:rsid w:val="001F2979"/>
    <w:rsid w:val="001F2E6B"/>
    <w:rsid w:val="001F3F60"/>
    <w:rsid w:val="001F549D"/>
    <w:rsid w:val="001F6E9E"/>
    <w:rsid w:val="001F71EA"/>
    <w:rsid w:val="002038FE"/>
    <w:rsid w:val="00203C35"/>
    <w:rsid w:val="002044B4"/>
    <w:rsid w:val="0020598A"/>
    <w:rsid w:val="00207020"/>
    <w:rsid w:val="00207DB7"/>
    <w:rsid w:val="002115CE"/>
    <w:rsid w:val="002120B6"/>
    <w:rsid w:val="0021314B"/>
    <w:rsid w:val="00214477"/>
    <w:rsid w:val="002149CA"/>
    <w:rsid w:val="002155E3"/>
    <w:rsid w:val="002175CF"/>
    <w:rsid w:val="002212DF"/>
    <w:rsid w:val="002221F5"/>
    <w:rsid w:val="00222A2D"/>
    <w:rsid w:val="0022305B"/>
    <w:rsid w:val="00225036"/>
    <w:rsid w:val="002250D6"/>
    <w:rsid w:val="00225BDA"/>
    <w:rsid w:val="00225E5C"/>
    <w:rsid w:val="002266E5"/>
    <w:rsid w:val="00226929"/>
    <w:rsid w:val="00226E92"/>
    <w:rsid w:val="00227208"/>
    <w:rsid w:val="00230580"/>
    <w:rsid w:val="00230640"/>
    <w:rsid w:val="002319C2"/>
    <w:rsid w:val="00234C75"/>
    <w:rsid w:val="00236DE9"/>
    <w:rsid w:val="00243C1A"/>
    <w:rsid w:val="00245127"/>
    <w:rsid w:val="00245D3A"/>
    <w:rsid w:val="002477A8"/>
    <w:rsid w:val="002478B7"/>
    <w:rsid w:val="0025016C"/>
    <w:rsid w:val="00250F5C"/>
    <w:rsid w:val="002528C0"/>
    <w:rsid w:val="00252C83"/>
    <w:rsid w:val="00256AC2"/>
    <w:rsid w:val="00256B4B"/>
    <w:rsid w:val="0025727C"/>
    <w:rsid w:val="00257AA2"/>
    <w:rsid w:val="00257C15"/>
    <w:rsid w:val="00261047"/>
    <w:rsid w:val="00263977"/>
    <w:rsid w:val="002645B4"/>
    <w:rsid w:val="00264E6B"/>
    <w:rsid w:val="002673E5"/>
    <w:rsid w:val="002707B5"/>
    <w:rsid w:val="00270C00"/>
    <w:rsid w:val="002716BF"/>
    <w:rsid w:val="0027197E"/>
    <w:rsid w:val="002741B0"/>
    <w:rsid w:val="00274C5F"/>
    <w:rsid w:val="00277258"/>
    <w:rsid w:val="002803FE"/>
    <w:rsid w:val="00280CE9"/>
    <w:rsid w:val="00280F49"/>
    <w:rsid w:val="00281069"/>
    <w:rsid w:val="0028554C"/>
    <w:rsid w:val="00286452"/>
    <w:rsid w:val="00286B13"/>
    <w:rsid w:val="00290890"/>
    <w:rsid w:val="00291E29"/>
    <w:rsid w:val="00293843"/>
    <w:rsid w:val="0029645E"/>
    <w:rsid w:val="00297EA5"/>
    <w:rsid w:val="002A1989"/>
    <w:rsid w:val="002A2B2D"/>
    <w:rsid w:val="002A3235"/>
    <w:rsid w:val="002A3384"/>
    <w:rsid w:val="002A7DB5"/>
    <w:rsid w:val="002B01FE"/>
    <w:rsid w:val="002B0758"/>
    <w:rsid w:val="002B1D43"/>
    <w:rsid w:val="002B20CC"/>
    <w:rsid w:val="002B2254"/>
    <w:rsid w:val="002B257D"/>
    <w:rsid w:val="002B359C"/>
    <w:rsid w:val="002B4C7C"/>
    <w:rsid w:val="002B4F06"/>
    <w:rsid w:val="002B5009"/>
    <w:rsid w:val="002B5ACE"/>
    <w:rsid w:val="002C17DC"/>
    <w:rsid w:val="002C1822"/>
    <w:rsid w:val="002C1B62"/>
    <w:rsid w:val="002C2F7B"/>
    <w:rsid w:val="002C4FA7"/>
    <w:rsid w:val="002C69EC"/>
    <w:rsid w:val="002C709A"/>
    <w:rsid w:val="002D16A4"/>
    <w:rsid w:val="002D6B27"/>
    <w:rsid w:val="002D6E0C"/>
    <w:rsid w:val="002D7674"/>
    <w:rsid w:val="002D7FB1"/>
    <w:rsid w:val="002E210D"/>
    <w:rsid w:val="002E32B2"/>
    <w:rsid w:val="002E53C5"/>
    <w:rsid w:val="002F05CE"/>
    <w:rsid w:val="002F15F8"/>
    <w:rsid w:val="002F2DDB"/>
    <w:rsid w:val="002F440B"/>
    <w:rsid w:val="002F6960"/>
    <w:rsid w:val="002F7F62"/>
    <w:rsid w:val="003012F6"/>
    <w:rsid w:val="00301DAC"/>
    <w:rsid w:val="00301DFA"/>
    <w:rsid w:val="00303CCB"/>
    <w:rsid w:val="00304B56"/>
    <w:rsid w:val="00306102"/>
    <w:rsid w:val="0031532E"/>
    <w:rsid w:val="0031571D"/>
    <w:rsid w:val="00315B7A"/>
    <w:rsid w:val="00316CFA"/>
    <w:rsid w:val="00317E10"/>
    <w:rsid w:val="00320131"/>
    <w:rsid w:val="00322F54"/>
    <w:rsid w:val="0032328B"/>
    <w:rsid w:val="0032557C"/>
    <w:rsid w:val="003255E3"/>
    <w:rsid w:val="0032565C"/>
    <w:rsid w:val="0032627C"/>
    <w:rsid w:val="0032685D"/>
    <w:rsid w:val="0033081D"/>
    <w:rsid w:val="0033331D"/>
    <w:rsid w:val="00334084"/>
    <w:rsid w:val="003351E4"/>
    <w:rsid w:val="003359B6"/>
    <w:rsid w:val="00340E2D"/>
    <w:rsid w:val="00341B86"/>
    <w:rsid w:val="003427FD"/>
    <w:rsid w:val="0034426D"/>
    <w:rsid w:val="003446A7"/>
    <w:rsid w:val="003451BF"/>
    <w:rsid w:val="003455FA"/>
    <w:rsid w:val="00346159"/>
    <w:rsid w:val="00346E03"/>
    <w:rsid w:val="00346FDD"/>
    <w:rsid w:val="00352DE8"/>
    <w:rsid w:val="003535F0"/>
    <w:rsid w:val="00354BC5"/>
    <w:rsid w:val="003565F7"/>
    <w:rsid w:val="00360068"/>
    <w:rsid w:val="00360955"/>
    <w:rsid w:val="00361939"/>
    <w:rsid w:val="0036279B"/>
    <w:rsid w:val="00363352"/>
    <w:rsid w:val="00365476"/>
    <w:rsid w:val="0036788C"/>
    <w:rsid w:val="00370A1B"/>
    <w:rsid w:val="00371282"/>
    <w:rsid w:val="003714F2"/>
    <w:rsid w:val="00371FE8"/>
    <w:rsid w:val="00372D28"/>
    <w:rsid w:val="0037386E"/>
    <w:rsid w:val="00374954"/>
    <w:rsid w:val="00375A01"/>
    <w:rsid w:val="00376659"/>
    <w:rsid w:val="00376BCA"/>
    <w:rsid w:val="00381355"/>
    <w:rsid w:val="003816AA"/>
    <w:rsid w:val="0038548E"/>
    <w:rsid w:val="0038564D"/>
    <w:rsid w:val="00385A01"/>
    <w:rsid w:val="0038791B"/>
    <w:rsid w:val="00387BFF"/>
    <w:rsid w:val="00391932"/>
    <w:rsid w:val="00391A17"/>
    <w:rsid w:val="00396BD2"/>
    <w:rsid w:val="00397933"/>
    <w:rsid w:val="003A3D15"/>
    <w:rsid w:val="003A5995"/>
    <w:rsid w:val="003A6CF9"/>
    <w:rsid w:val="003A7A5B"/>
    <w:rsid w:val="003B0233"/>
    <w:rsid w:val="003B5679"/>
    <w:rsid w:val="003B56A6"/>
    <w:rsid w:val="003C7B30"/>
    <w:rsid w:val="003D0A38"/>
    <w:rsid w:val="003D25A6"/>
    <w:rsid w:val="003D3933"/>
    <w:rsid w:val="003D4DB5"/>
    <w:rsid w:val="003D4E4E"/>
    <w:rsid w:val="003D55FB"/>
    <w:rsid w:val="003E07F3"/>
    <w:rsid w:val="003E0CBD"/>
    <w:rsid w:val="003E1502"/>
    <w:rsid w:val="003E3D88"/>
    <w:rsid w:val="003E499A"/>
    <w:rsid w:val="003E5A44"/>
    <w:rsid w:val="003E7128"/>
    <w:rsid w:val="003E75A6"/>
    <w:rsid w:val="003F13BC"/>
    <w:rsid w:val="003F17C3"/>
    <w:rsid w:val="003F2124"/>
    <w:rsid w:val="003F36E6"/>
    <w:rsid w:val="003F3E3D"/>
    <w:rsid w:val="003F5B53"/>
    <w:rsid w:val="003F625B"/>
    <w:rsid w:val="003F7AFF"/>
    <w:rsid w:val="00400C54"/>
    <w:rsid w:val="004017C3"/>
    <w:rsid w:val="0040359C"/>
    <w:rsid w:val="0040791F"/>
    <w:rsid w:val="004111FA"/>
    <w:rsid w:val="00412F53"/>
    <w:rsid w:val="004153A2"/>
    <w:rsid w:val="00415564"/>
    <w:rsid w:val="0041651F"/>
    <w:rsid w:val="00417373"/>
    <w:rsid w:val="00417B6C"/>
    <w:rsid w:val="00421367"/>
    <w:rsid w:val="00421488"/>
    <w:rsid w:val="00422CA8"/>
    <w:rsid w:val="00425F8A"/>
    <w:rsid w:val="00426255"/>
    <w:rsid w:val="00426B70"/>
    <w:rsid w:val="0043283F"/>
    <w:rsid w:val="0043299A"/>
    <w:rsid w:val="004337F6"/>
    <w:rsid w:val="00442929"/>
    <w:rsid w:val="00443DB3"/>
    <w:rsid w:val="004446E2"/>
    <w:rsid w:val="00445088"/>
    <w:rsid w:val="00445103"/>
    <w:rsid w:val="004451AD"/>
    <w:rsid w:val="004452B7"/>
    <w:rsid w:val="004460A4"/>
    <w:rsid w:val="004460DA"/>
    <w:rsid w:val="00447056"/>
    <w:rsid w:val="00450922"/>
    <w:rsid w:val="00450EA1"/>
    <w:rsid w:val="004510A4"/>
    <w:rsid w:val="004510D2"/>
    <w:rsid w:val="00451917"/>
    <w:rsid w:val="00451B1E"/>
    <w:rsid w:val="00452B8A"/>
    <w:rsid w:val="00452BFB"/>
    <w:rsid w:val="00452E01"/>
    <w:rsid w:val="00455A39"/>
    <w:rsid w:val="004605A3"/>
    <w:rsid w:val="004612FA"/>
    <w:rsid w:val="00461CA0"/>
    <w:rsid w:val="00462C51"/>
    <w:rsid w:val="0046347E"/>
    <w:rsid w:val="00463E9E"/>
    <w:rsid w:val="00463F21"/>
    <w:rsid w:val="00466D2C"/>
    <w:rsid w:val="00470316"/>
    <w:rsid w:val="004706A0"/>
    <w:rsid w:val="004711C2"/>
    <w:rsid w:val="0047292E"/>
    <w:rsid w:val="00475650"/>
    <w:rsid w:val="0047704B"/>
    <w:rsid w:val="004777DA"/>
    <w:rsid w:val="00477D1B"/>
    <w:rsid w:val="0048030E"/>
    <w:rsid w:val="00483279"/>
    <w:rsid w:val="00484E23"/>
    <w:rsid w:val="004860AE"/>
    <w:rsid w:val="004927C0"/>
    <w:rsid w:val="004929BB"/>
    <w:rsid w:val="00493658"/>
    <w:rsid w:val="004938BB"/>
    <w:rsid w:val="00494033"/>
    <w:rsid w:val="004943A8"/>
    <w:rsid w:val="004962B4"/>
    <w:rsid w:val="00496AC7"/>
    <w:rsid w:val="004A1A53"/>
    <w:rsid w:val="004A1AB4"/>
    <w:rsid w:val="004A3707"/>
    <w:rsid w:val="004A491B"/>
    <w:rsid w:val="004A4ECB"/>
    <w:rsid w:val="004A7AA6"/>
    <w:rsid w:val="004B19B4"/>
    <w:rsid w:val="004B4D35"/>
    <w:rsid w:val="004B514C"/>
    <w:rsid w:val="004B6C1F"/>
    <w:rsid w:val="004C0585"/>
    <w:rsid w:val="004C2000"/>
    <w:rsid w:val="004C2862"/>
    <w:rsid w:val="004C32F0"/>
    <w:rsid w:val="004C6762"/>
    <w:rsid w:val="004C700E"/>
    <w:rsid w:val="004C70AC"/>
    <w:rsid w:val="004D1869"/>
    <w:rsid w:val="004D20AF"/>
    <w:rsid w:val="004D2374"/>
    <w:rsid w:val="004D27B2"/>
    <w:rsid w:val="004D53AE"/>
    <w:rsid w:val="004D6024"/>
    <w:rsid w:val="004D7309"/>
    <w:rsid w:val="004E00FE"/>
    <w:rsid w:val="004E308A"/>
    <w:rsid w:val="004E36A3"/>
    <w:rsid w:val="004E41AA"/>
    <w:rsid w:val="004E4EB1"/>
    <w:rsid w:val="004E65E8"/>
    <w:rsid w:val="004F0066"/>
    <w:rsid w:val="004F0BA8"/>
    <w:rsid w:val="004F1F9A"/>
    <w:rsid w:val="004F2FCD"/>
    <w:rsid w:val="004F36BE"/>
    <w:rsid w:val="004F5F2B"/>
    <w:rsid w:val="004F7479"/>
    <w:rsid w:val="00501727"/>
    <w:rsid w:val="0050589F"/>
    <w:rsid w:val="00507E79"/>
    <w:rsid w:val="00511027"/>
    <w:rsid w:val="00511257"/>
    <w:rsid w:val="00512A2B"/>
    <w:rsid w:val="00513385"/>
    <w:rsid w:val="0051384D"/>
    <w:rsid w:val="00513DB3"/>
    <w:rsid w:val="0051562D"/>
    <w:rsid w:val="005175D9"/>
    <w:rsid w:val="00517F2E"/>
    <w:rsid w:val="00521044"/>
    <w:rsid w:val="00521957"/>
    <w:rsid w:val="005239AA"/>
    <w:rsid w:val="00530C03"/>
    <w:rsid w:val="00531756"/>
    <w:rsid w:val="0053229B"/>
    <w:rsid w:val="00534459"/>
    <w:rsid w:val="00534AF9"/>
    <w:rsid w:val="00534B77"/>
    <w:rsid w:val="00534BE2"/>
    <w:rsid w:val="00536197"/>
    <w:rsid w:val="00536EA9"/>
    <w:rsid w:val="00541AE8"/>
    <w:rsid w:val="00543CE5"/>
    <w:rsid w:val="00544D35"/>
    <w:rsid w:val="00544DA1"/>
    <w:rsid w:val="00544E6B"/>
    <w:rsid w:val="00546C48"/>
    <w:rsid w:val="00551994"/>
    <w:rsid w:val="00551D40"/>
    <w:rsid w:val="00555EF8"/>
    <w:rsid w:val="00556B52"/>
    <w:rsid w:val="00560856"/>
    <w:rsid w:val="00562038"/>
    <w:rsid w:val="00562D26"/>
    <w:rsid w:val="00562DA7"/>
    <w:rsid w:val="00563596"/>
    <w:rsid w:val="00564036"/>
    <w:rsid w:val="0056419D"/>
    <w:rsid w:val="00564295"/>
    <w:rsid w:val="00564D5A"/>
    <w:rsid w:val="00565BF7"/>
    <w:rsid w:val="00566020"/>
    <w:rsid w:val="00566279"/>
    <w:rsid w:val="0056722D"/>
    <w:rsid w:val="00567867"/>
    <w:rsid w:val="00570222"/>
    <w:rsid w:val="00571192"/>
    <w:rsid w:val="00571610"/>
    <w:rsid w:val="00573111"/>
    <w:rsid w:val="00575FBE"/>
    <w:rsid w:val="00577125"/>
    <w:rsid w:val="005776E5"/>
    <w:rsid w:val="005806A1"/>
    <w:rsid w:val="00581EAF"/>
    <w:rsid w:val="00582C0C"/>
    <w:rsid w:val="005846BF"/>
    <w:rsid w:val="00590071"/>
    <w:rsid w:val="005915DF"/>
    <w:rsid w:val="005936A7"/>
    <w:rsid w:val="00593D76"/>
    <w:rsid w:val="005941F5"/>
    <w:rsid w:val="00594BAC"/>
    <w:rsid w:val="00596009"/>
    <w:rsid w:val="00596442"/>
    <w:rsid w:val="005967E0"/>
    <w:rsid w:val="005A0BFE"/>
    <w:rsid w:val="005A12A1"/>
    <w:rsid w:val="005A1BD3"/>
    <w:rsid w:val="005A3D8E"/>
    <w:rsid w:val="005A52FB"/>
    <w:rsid w:val="005A5A08"/>
    <w:rsid w:val="005A721B"/>
    <w:rsid w:val="005A74B2"/>
    <w:rsid w:val="005B13F6"/>
    <w:rsid w:val="005B141C"/>
    <w:rsid w:val="005B14A7"/>
    <w:rsid w:val="005B2905"/>
    <w:rsid w:val="005B40B3"/>
    <w:rsid w:val="005B48E8"/>
    <w:rsid w:val="005B521A"/>
    <w:rsid w:val="005B5DFF"/>
    <w:rsid w:val="005B5EC8"/>
    <w:rsid w:val="005B60C5"/>
    <w:rsid w:val="005B71B9"/>
    <w:rsid w:val="005B7864"/>
    <w:rsid w:val="005C0CD9"/>
    <w:rsid w:val="005C1654"/>
    <w:rsid w:val="005C3230"/>
    <w:rsid w:val="005C3707"/>
    <w:rsid w:val="005C49D9"/>
    <w:rsid w:val="005C5F4D"/>
    <w:rsid w:val="005C6690"/>
    <w:rsid w:val="005D35CB"/>
    <w:rsid w:val="005D5376"/>
    <w:rsid w:val="005D5D20"/>
    <w:rsid w:val="005D73A1"/>
    <w:rsid w:val="005D746C"/>
    <w:rsid w:val="005E0F08"/>
    <w:rsid w:val="005E1379"/>
    <w:rsid w:val="005E2642"/>
    <w:rsid w:val="005E2896"/>
    <w:rsid w:val="005E29B3"/>
    <w:rsid w:val="005E2A69"/>
    <w:rsid w:val="005E3264"/>
    <w:rsid w:val="005E423E"/>
    <w:rsid w:val="005E7043"/>
    <w:rsid w:val="005F356B"/>
    <w:rsid w:val="005F565E"/>
    <w:rsid w:val="005F7D3C"/>
    <w:rsid w:val="0060267F"/>
    <w:rsid w:val="00604C81"/>
    <w:rsid w:val="00605F76"/>
    <w:rsid w:val="00612589"/>
    <w:rsid w:val="00614020"/>
    <w:rsid w:val="0061671A"/>
    <w:rsid w:val="00616E46"/>
    <w:rsid w:val="006179B5"/>
    <w:rsid w:val="0062133F"/>
    <w:rsid w:val="00621351"/>
    <w:rsid w:val="00623CC0"/>
    <w:rsid w:val="0062597E"/>
    <w:rsid w:val="00627724"/>
    <w:rsid w:val="00627F00"/>
    <w:rsid w:val="00630C56"/>
    <w:rsid w:val="0063382D"/>
    <w:rsid w:val="00633B12"/>
    <w:rsid w:val="00635DD0"/>
    <w:rsid w:val="00635FFD"/>
    <w:rsid w:val="00636C1A"/>
    <w:rsid w:val="00640E41"/>
    <w:rsid w:val="00644B81"/>
    <w:rsid w:val="0064680F"/>
    <w:rsid w:val="00646B6A"/>
    <w:rsid w:val="00647465"/>
    <w:rsid w:val="006505FD"/>
    <w:rsid w:val="00651D92"/>
    <w:rsid w:val="00654CCA"/>
    <w:rsid w:val="00655122"/>
    <w:rsid w:val="00661A0E"/>
    <w:rsid w:val="00662AFC"/>
    <w:rsid w:val="0066322F"/>
    <w:rsid w:val="00663DEB"/>
    <w:rsid w:val="00664D13"/>
    <w:rsid w:val="0066751E"/>
    <w:rsid w:val="00673FBC"/>
    <w:rsid w:val="00674A55"/>
    <w:rsid w:val="00676C99"/>
    <w:rsid w:val="0067715D"/>
    <w:rsid w:val="00677862"/>
    <w:rsid w:val="00681652"/>
    <w:rsid w:val="00682014"/>
    <w:rsid w:val="00683EA7"/>
    <w:rsid w:val="00684196"/>
    <w:rsid w:val="00686DD3"/>
    <w:rsid w:val="006900F7"/>
    <w:rsid w:val="00690527"/>
    <w:rsid w:val="0069107D"/>
    <w:rsid w:val="00691506"/>
    <w:rsid w:val="006925C8"/>
    <w:rsid w:val="00692A26"/>
    <w:rsid w:val="00693152"/>
    <w:rsid w:val="00694616"/>
    <w:rsid w:val="006A0876"/>
    <w:rsid w:val="006A2343"/>
    <w:rsid w:val="006A6C1C"/>
    <w:rsid w:val="006B1D7F"/>
    <w:rsid w:val="006B247A"/>
    <w:rsid w:val="006B2815"/>
    <w:rsid w:val="006B3A82"/>
    <w:rsid w:val="006B4E82"/>
    <w:rsid w:val="006C0F6B"/>
    <w:rsid w:val="006C1135"/>
    <w:rsid w:val="006C280E"/>
    <w:rsid w:val="006C4DCA"/>
    <w:rsid w:val="006C5032"/>
    <w:rsid w:val="006C5883"/>
    <w:rsid w:val="006C637F"/>
    <w:rsid w:val="006C6628"/>
    <w:rsid w:val="006C729D"/>
    <w:rsid w:val="006C746D"/>
    <w:rsid w:val="006D0A06"/>
    <w:rsid w:val="006D167D"/>
    <w:rsid w:val="006D198B"/>
    <w:rsid w:val="006D31C5"/>
    <w:rsid w:val="006E0ACE"/>
    <w:rsid w:val="006E15EA"/>
    <w:rsid w:val="006E25DE"/>
    <w:rsid w:val="006E3BD9"/>
    <w:rsid w:val="006E5370"/>
    <w:rsid w:val="006F07FD"/>
    <w:rsid w:val="006F0ED0"/>
    <w:rsid w:val="006F158E"/>
    <w:rsid w:val="006F26A5"/>
    <w:rsid w:val="006F7501"/>
    <w:rsid w:val="00702162"/>
    <w:rsid w:val="00704DF4"/>
    <w:rsid w:val="007062E2"/>
    <w:rsid w:val="00706D43"/>
    <w:rsid w:val="00707E85"/>
    <w:rsid w:val="00711823"/>
    <w:rsid w:val="007127B5"/>
    <w:rsid w:val="00713FBC"/>
    <w:rsid w:val="0071428B"/>
    <w:rsid w:val="00715335"/>
    <w:rsid w:val="0071594D"/>
    <w:rsid w:val="00716774"/>
    <w:rsid w:val="00720745"/>
    <w:rsid w:val="0072189A"/>
    <w:rsid w:val="00721980"/>
    <w:rsid w:val="007235BF"/>
    <w:rsid w:val="00725697"/>
    <w:rsid w:val="00727663"/>
    <w:rsid w:val="00732BC5"/>
    <w:rsid w:val="00736925"/>
    <w:rsid w:val="00737A85"/>
    <w:rsid w:val="00737C1F"/>
    <w:rsid w:val="007401DB"/>
    <w:rsid w:val="00740966"/>
    <w:rsid w:val="00740CA8"/>
    <w:rsid w:val="00741DC6"/>
    <w:rsid w:val="00743954"/>
    <w:rsid w:val="00744A48"/>
    <w:rsid w:val="00744A69"/>
    <w:rsid w:val="007469C8"/>
    <w:rsid w:val="00746CBE"/>
    <w:rsid w:val="00747360"/>
    <w:rsid w:val="0075163A"/>
    <w:rsid w:val="007526E8"/>
    <w:rsid w:val="007553B5"/>
    <w:rsid w:val="00756B9A"/>
    <w:rsid w:val="00762949"/>
    <w:rsid w:val="0076765D"/>
    <w:rsid w:val="00770656"/>
    <w:rsid w:val="00772841"/>
    <w:rsid w:val="00773327"/>
    <w:rsid w:val="007739E3"/>
    <w:rsid w:val="00775836"/>
    <w:rsid w:val="00776907"/>
    <w:rsid w:val="00776E2D"/>
    <w:rsid w:val="00777FD4"/>
    <w:rsid w:val="00781B54"/>
    <w:rsid w:val="00781DE6"/>
    <w:rsid w:val="00782894"/>
    <w:rsid w:val="00785242"/>
    <w:rsid w:val="00786F34"/>
    <w:rsid w:val="007872AA"/>
    <w:rsid w:val="00787C24"/>
    <w:rsid w:val="00791CEF"/>
    <w:rsid w:val="00793FC9"/>
    <w:rsid w:val="0079432C"/>
    <w:rsid w:val="00795CBC"/>
    <w:rsid w:val="007A18C9"/>
    <w:rsid w:val="007A4931"/>
    <w:rsid w:val="007A49EB"/>
    <w:rsid w:val="007A4D99"/>
    <w:rsid w:val="007A69CF"/>
    <w:rsid w:val="007A7080"/>
    <w:rsid w:val="007B2290"/>
    <w:rsid w:val="007B2C2A"/>
    <w:rsid w:val="007B53E8"/>
    <w:rsid w:val="007B6571"/>
    <w:rsid w:val="007B746E"/>
    <w:rsid w:val="007C1685"/>
    <w:rsid w:val="007C4C4B"/>
    <w:rsid w:val="007C4CF2"/>
    <w:rsid w:val="007C4FC9"/>
    <w:rsid w:val="007C53C8"/>
    <w:rsid w:val="007C5F54"/>
    <w:rsid w:val="007C61DE"/>
    <w:rsid w:val="007C663A"/>
    <w:rsid w:val="007D1653"/>
    <w:rsid w:val="007D2597"/>
    <w:rsid w:val="007D2856"/>
    <w:rsid w:val="007D56C9"/>
    <w:rsid w:val="007D5777"/>
    <w:rsid w:val="007E09DB"/>
    <w:rsid w:val="007E3F00"/>
    <w:rsid w:val="007E6597"/>
    <w:rsid w:val="007E7B1A"/>
    <w:rsid w:val="007F3437"/>
    <w:rsid w:val="007F5256"/>
    <w:rsid w:val="00800C25"/>
    <w:rsid w:val="00800F0E"/>
    <w:rsid w:val="00801753"/>
    <w:rsid w:val="008021AD"/>
    <w:rsid w:val="00802C4C"/>
    <w:rsid w:val="00803424"/>
    <w:rsid w:val="008039BD"/>
    <w:rsid w:val="00804496"/>
    <w:rsid w:val="0081068F"/>
    <w:rsid w:val="00811756"/>
    <w:rsid w:val="00813276"/>
    <w:rsid w:val="008150EA"/>
    <w:rsid w:val="008163F0"/>
    <w:rsid w:val="008167A0"/>
    <w:rsid w:val="0081737C"/>
    <w:rsid w:val="0081742D"/>
    <w:rsid w:val="008176A3"/>
    <w:rsid w:val="00817EBD"/>
    <w:rsid w:val="008204A3"/>
    <w:rsid w:val="008209F2"/>
    <w:rsid w:val="00820BC1"/>
    <w:rsid w:val="00820DF4"/>
    <w:rsid w:val="00822A3A"/>
    <w:rsid w:val="00823520"/>
    <w:rsid w:val="008236A0"/>
    <w:rsid w:val="0082412D"/>
    <w:rsid w:val="00826B86"/>
    <w:rsid w:val="0083289F"/>
    <w:rsid w:val="0083372D"/>
    <w:rsid w:val="00833C5A"/>
    <w:rsid w:val="00834F4A"/>
    <w:rsid w:val="008373F1"/>
    <w:rsid w:val="0084080E"/>
    <w:rsid w:val="00840B91"/>
    <w:rsid w:val="00841E1D"/>
    <w:rsid w:val="008474B2"/>
    <w:rsid w:val="00847E54"/>
    <w:rsid w:val="00847FD2"/>
    <w:rsid w:val="00853F46"/>
    <w:rsid w:val="00855B79"/>
    <w:rsid w:val="00855B9D"/>
    <w:rsid w:val="00857B07"/>
    <w:rsid w:val="00861850"/>
    <w:rsid w:val="0086240F"/>
    <w:rsid w:val="00862859"/>
    <w:rsid w:val="00865678"/>
    <w:rsid w:val="008656A1"/>
    <w:rsid w:val="0086763D"/>
    <w:rsid w:val="008678E7"/>
    <w:rsid w:val="00872DF0"/>
    <w:rsid w:val="00873398"/>
    <w:rsid w:val="00875054"/>
    <w:rsid w:val="00875D78"/>
    <w:rsid w:val="00877946"/>
    <w:rsid w:val="0088122A"/>
    <w:rsid w:val="008812A4"/>
    <w:rsid w:val="00885AAE"/>
    <w:rsid w:val="00886EF4"/>
    <w:rsid w:val="0088705D"/>
    <w:rsid w:val="00890BC8"/>
    <w:rsid w:val="008910D1"/>
    <w:rsid w:val="0089126A"/>
    <w:rsid w:val="0089393C"/>
    <w:rsid w:val="00894270"/>
    <w:rsid w:val="00895DF1"/>
    <w:rsid w:val="008A0EF1"/>
    <w:rsid w:val="008A2C89"/>
    <w:rsid w:val="008A31A3"/>
    <w:rsid w:val="008A3E1E"/>
    <w:rsid w:val="008A4082"/>
    <w:rsid w:val="008A442D"/>
    <w:rsid w:val="008B1E59"/>
    <w:rsid w:val="008B3749"/>
    <w:rsid w:val="008C10F8"/>
    <w:rsid w:val="008C338C"/>
    <w:rsid w:val="008C589E"/>
    <w:rsid w:val="008D43DD"/>
    <w:rsid w:val="008D4517"/>
    <w:rsid w:val="008D45F8"/>
    <w:rsid w:val="008D516A"/>
    <w:rsid w:val="008D6275"/>
    <w:rsid w:val="008D6871"/>
    <w:rsid w:val="008D6EEB"/>
    <w:rsid w:val="008D6F74"/>
    <w:rsid w:val="008D7CA1"/>
    <w:rsid w:val="008E0516"/>
    <w:rsid w:val="008E07EE"/>
    <w:rsid w:val="008E13BC"/>
    <w:rsid w:val="008E16D6"/>
    <w:rsid w:val="008E3E4F"/>
    <w:rsid w:val="008E4D81"/>
    <w:rsid w:val="008E5F4A"/>
    <w:rsid w:val="008E7E39"/>
    <w:rsid w:val="008F131B"/>
    <w:rsid w:val="008F1CB3"/>
    <w:rsid w:val="008F35E4"/>
    <w:rsid w:val="008F4207"/>
    <w:rsid w:val="008F4C78"/>
    <w:rsid w:val="008F62D5"/>
    <w:rsid w:val="008F7900"/>
    <w:rsid w:val="00902CA7"/>
    <w:rsid w:val="00902D01"/>
    <w:rsid w:val="009042BF"/>
    <w:rsid w:val="00905F0E"/>
    <w:rsid w:val="0090646B"/>
    <w:rsid w:val="00912490"/>
    <w:rsid w:val="0091373E"/>
    <w:rsid w:val="00916888"/>
    <w:rsid w:val="00917B45"/>
    <w:rsid w:val="00921C4B"/>
    <w:rsid w:val="00922175"/>
    <w:rsid w:val="0092329A"/>
    <w:rsid w:val="00924211"/>
    <w:rsid w:val="00924DB1"/>
    <w:rsid w:val="00925225"/>
    <w:rsid w:val="0092683D"/>
    <w:rsid w:val="00926C5A"/>
    <w:rsid w:val="00930B25"/>
    <w:rsid w:val="00930E86"/>
    <w:rsid w:val="00931C0E"/>
    <w:rsid w:val="0093235F"/>
    <w:rsid w:val="0093419F"/>
    <w:rsid w:val="00940A9D"/>
    <w:rsid w:val="00940F0E"/>
    <w:rsid w:val="0094111E"/>
    <w:rsid w:val="0094275D"/>
    <w:rsid w:val="00943394"/>
    <w:rsid w:val="00943A81"/>
    <w:rsid w:val="0094458F"/>
    <w:rsid w:val="00946599"/>
    <w:rsid w:val="00946916"/>
    <w:rsid w:val="0094705C"/>
    <w:rsid w:val="00950748"/>
    <w:rsid w:val="00950C65"/>
    <w:rsid w:val="00952D61"/>
    <w:rsid w:val="00955C32"/>
    <w:rsid w:val="009575D4"/>
    <w:rsid w:val="009619CE"/>
    <w:rsid w:val="00967CBE"/>
    <w:rsid w:val="009713C5"/>
    <w:rsid w:val="00971672"/>
    <w:rsid w:val="00971B34"/>
    <w:rsid w:val="00973B66"/>
    <w:rsid w:val="00974388"/>
    <w:rsid w:val="009754F4"/>
    <w:rsid w:val="00975A26"/>
    <w:rsid w:val="00977A84"/>
    <w:rsid w:val="00977E76"/>
    <w:rsid w:val="009802FC"/>
    <w:rsid w:val="00982B72"/>
    <w:rsid w:val="00983D91"/>
    <w:rsid w:val="00986D62"/>
    <w:rsid w:val="00986F54"/>
    <w:rsid w:val="00991376"/>
    <w:rsid w:val="009952FA"/>
    <w:rsid w:val="00996E7F"/>
    <w:rsid w:val="009978C1"/>
    <w:rsid w:val="009A25DF"/>
    <w:rsid w:val="009A403E"/>
    <w:rsid w:val="009A463D"/>
    <w:rsid w:val="009A482E"/>
    <w:rsid w:val="009A50FF"/>
    <w:rsid w:val="009A60C0"/>
    <w:rsid w:val="009A6834"/>
    <w:rsid w:val="009B01C9"/>
    <w:rsid w:val="009B0679"/>
    <w:rsid w:val="009B1C61"/>
    <w:rsid w:val="009B28F3"/>
    <w:rsid w:val="009B53AB"/>
    <w:rsid w:val="009B7BFE"/>
    <w:rsid w:val="009C00C4"/>
    <w:rsid w:val="009C2E02"/>
    <w:rsid w:val="009C3FEA"/>
    <w:rsid w:val="009C7936"/>
    <w:rsid w:val="009E127C"/>
    <w:rsid w:val="009E4E29"/>
    <w:rsid w:val="009F1E68"/>
    <w:rsid w:val="009F20BF"/>
    <w:rsid w:val="009F24EF"/>
    <w:rsid w:val="009F33E6"/>
    <w:rsid w:val="009F34A1"/>
    <w:rsid w:val="009F37DF"/>
    <w:rsid w:val="009F42EF"/>
    <w:rsid w:val="00A017DE"/>
    <w:rsid w:val="00A02029"/>
    <w:rsid w:val="00A034DB"/>
    <w:rsid w:val="00A04B9F"/>
    <w:rsid w:val="00A059B8"/>
    <w:rsid w:val="00A05C74"/>
    <w:rsid w:val="00A05EAE"/>
    <w:rsid w:val="00A10025"/>
    <w:rsid w:val="00A10A79"/>
    <w:rsid w:val="00A11A10"/>
    <w:rsid w:val="00A149F5"/>
    <w:rsid w:val="00A164B8"/>
    <w:rsid w:val="00A17834"/>
    <w:rsid w:val="00A20387"/>
    <w:rsid w:val="00A23C31"/>
    <w:rsid w:val="00A245F9"/>
    <w:rsid w:val="00A2585E"/>
    <w:rsid w:val="00A25EB2"/>
    <w:rsid w:val="00A276BC"/>
    <w:rsid w:val="00A27C8F"/>
    <w:rsid w:val="00A30E22"/>
    <w:rsid w:val="00A30E92"/>
    <w:rsid w:val="00A31CB0"/>
    <w:rsid w:val="00A344E0"/>
    <w:rsid w:val="00A35C6C"/>
    <w:rsid w:val="00A370A7"/>
    <w:rsid w:val="00A37B03"/>
    <w:rsid w:val="00A40FF0"/>
    <w:rsid w:val="00A44ABD"/>
    <w:rsid w:val="00A44AD0"/>
    <w:rsid w:val="00A45738"/>
    <w:rsid w:val="00A45770"/>
    <w:rsid w:val="00A468FF"/>
    <w:rsid w:val="00A46FDB"/>
    <w:rsid w:val="00A50E68"/>
    <w:rsid w:val="00A514BE"/>
    <w:rsid w:val="00A540EB"/>
    <w:rsid w:val="00A556AB"/>
    <w:rsid w:val="00A564C5"/>
    <w:rsid w:val="00A65382"/>
    <w:rsid w:val="00A656CF"/>
    <w:rsid w:val="00A66328"/>
    <w:rsid w:val="00A66B95"/>
    <w:rsid w:val="00A67973"/>
    <w:rsid w:val="00A703BC"/>
    <w:rsid w:val="00A71B8E"/>
    <w:rsid w:val="00A71D78"/>
    <w:rsid w:val="00A72DF3"/>
    <w:rsid w:val="00A74AF2"/>
    <w:rsid w:val="00A75778"/>
    <w:rsid w:val="00A767A8"/>
    <w:rsid w:val="00A776DE"/>
    <w:rsid w:val="00A801D4"/>
    <w:rsid w:val="00A81FDA"/>
    <w:rsid w:val="00A837C4"/>
    <w:rsid w:val="00A853BA"/>
    <w:rsid w:val="00A85DC6"/>
    <w:rsid w:val="00A8619B"/>
    <w:rsid w:val="00A86864"/>
    <w:rsid w:val="00A86DA4"/>
    <w:rsid w:val="00A8755F"/>
    <w:rsid w:val="00A87ADF"/>
    <w:rsid w:val="00A910CE"/>
    <w:rsid w:val="00A91E54"/>
    <w:rsid w:val="00A9335C"/>
    <w:rsid w:val="00A947AC"/>
    <w:rsid w:val="00A95CF6"/>
    <w:rsid w:val="00A96434"/>
    <w:rsid w:val="00A96B2E"/>
    <w:rsid w:val="00AA09F6"/>
    <w:rsid w:val="00AA1640"/>
    <w:rsid w:val="00AA3409"/>
    <w:rsid w:val="00AA3AD2"/>
    <w:rsid w:val="00AA7494"/>
    <w:rsid w:val="00AA7893"/>
    <w:rsid w:val="00AA7C40"/>
    <w:rsid w:val="00AB2645"/>
    <w:rsid w:val="00AB3894"/>
    <w:rsid w:val="00AB6B35"/>
    <w:rsid w:val="00AB7E79"/>
    <w:rsid w:val="00AC4610"/>
    <w:rsid w:val="00AC6584"/>
    <w:rsid w:val="00AC65D3"/>
    <w:rsid w:val="00AC7A8C"/>
    <w:rsid w:val="00AD0B22"/>
    <w:rsid w:val="00AD0C6B"/>
    <w:rsid w:val="00AD21B3"/>
    <w:rsid w:val="00AD338E"/>
    <w:rsid w:val="00AD7789"/>
    <w:rsid w:val="00AE095A"/>
    <w:rsid w:val="00AE0FE7"/>
    <w:rsid w:val="00AE13A5"/>
    <w:rsid w:val="00AE18B8"/>
    <w:rsid w:val="00AE2AE2"/>
    <w:rsid w:val="00AE68C5"/>
    <w:rsid w:val="00AF08AF"/>
    <w:rsid w:val="00AF3940"/>
    <w:rsid w:val="00AF3A39"/>
    <w:rsid w:val="00AF4BAE"/>
    <w:rsid w:val="00AF5EBE"/>
    <w:rsid w:val="00B01C88"/>
    <w:rsid w:val="00B04C5E"/>
    <w:rsid w:val="00B06085"/>
    <w:rsid w:val="00B07107"/>
    <w:rsid w:val="00B07D3E"/>
    <w:rsid w:val="00B10C35"/>
    <w:rsid w:val="00B12E98"/>
    <w:rsid w:val="00B139CA"/>
    <w:rsid w:val="00B20649"/>
    <w:rsid w:val="00B2085B"/>
    <w:rsid w:val="00B216C8"/>
    <w:rsid w:val="00B2200A"/>
    <w:rsid w:val="00B23F3A"/>
    <w:rsid w:val="00B24EF8"/>
    <w:rsid w:val="00B258E0"/>
    <w:rsid w:val="00B268E1"/>
    <w:rsid w:val="00B273B7"/>
    <w:rsid w:val="00B279AF"/>
    <w:rsid w:val="00B30723"/>
    <w:rsid w:val="00B32904"/>
    <w:rsid w:val="00B32CB5"/>
    <w:rsid w:val="00B3334C"/>
    <w:rsid w:val="00B3419F"/>
    <w:rsid w:val="00B36A42"/>
    <w:rsid w:val="00B405C2"/>
    <w:rsid w:val="00B406BE"/>
    <w:rsid w:val="00B439F1"/>
    <w:rsid w:val="00B463AD"/>
    <w:rsid w:val="00B473FE"/>
    <w:rsid w:val="00B4786F"/>
    <w:rsid w:val="00B51CBA"/>
    <w:rsid w:val="00B53CDB"/>
    <w:rsid w:val="00B54C41"/>
    <w:rsid w:val="00B552B9"/>
    <w:rsid w:val="00B60F33"/>
    <w:rsid w:val="00B62B01"/>
    <w:rsid w:val="00B62EB7"/>
    <w:rsid w:val="00B641FA"/>
    <w:rsid w:val="00B64230"/>
    <w:rsid w:val="00B6443B"/>
    <w:rsid w:val="00B7064F"/>
    <w:rsid w:val="00B720D5"/>
    <w:rsid w:val="00B74C76"/>
    <w:rsid w:val="00B765BC"/>
    <w:rsid w:val="00B77CFC"/>
    <w:rsid w:val="00B81E78"/>
    <w:rsid w:val="00B8256B"/>
    <w:rsid w:val="00B825B3"/>
    <w:rsid w:val="00B8386A"/>
    <w:rsid w:val="00B84024"/>
    <w:rsid w:val="00B84DF9"/>
    <w:rsid w:val="00B857FE"/>
    <w:rsid w:val="00B8633C"/>
    <w:rsid w:val="00B90484"/>
    <w:rsid w:val="00B91386"/>
    <w:rsid w:val="00B91872"/>
    <w:rsid w:val="00B91EE9"/>
    <w:rsid w:val="00B94A43"/>
    <w:rsid w:val="00B94CBB"/>
    <w:rsid w:val="00B972E5"/>
    <w:rsid w:val="00B97E0D"/>
    <w:rsid w:val="00BA1357"/>
    <w:rsid w:val="00BA1578"/>
    <w:rsid w:val="00BA2CE8"/>
    <w:rsid w:val="00BA56F3"/>
    <w:rsid w:val="00BB0626"/>
    <w:rsid w:val="00BB30C4"/>
    <w:rsid w:val="00BB349A"/>
    <w:rsid w:val="00BB5FBB"/>
    <w:rsid w:val="00BC12FC"/>
    <w:rsid w:val="00BC2323"/>
    <w:rsid w:val="00BC2B79"/>
    <w:rsid w:val="00BC4503"/>
    <w:rsid w:val="00BC4A4F"/>
    <w:rsid w:val="00BC7906"/>
    <w:rsid w:val="00BD0335"/>
    <w:rsid w:val="00BD0FAA"/>
    <w:rsid w:val="00BD48C9"/>
    <w:rsid w:val="00BD5C0B"/>
    <w:rsid w:val="00BD6184"/>
    <w:rsid w:val="00BD66DC"/>
    <w:rsid w:val="00BD7719"/>
    <w:rsid w:val="00BD79D8"/>
    <w:rsid w:val="00BE172F"/>
    <w:rsid w:val="00BE17D1"/>
    <w:rsid w:val="00BE2966"/>
    <w:rsid w:val="00BE2F03"/>
    <w:rsid w:val="00BE36E1"/>
    <w:rsid w:val="00BE4667"/>
    <w:rsid w:val="00BE47FB"/>
    <w:rsid w:val="00BE4A3E"/>
    <w:rsid w:val="00BE4B46"/>
    <w:rsid w:val="00BE4EC1"/>
    <w:rsid w:val="00BE591E"/>
    <w:rsid w:val="00BE5AA4"/>
    <w:rsid w:val="00BE7883"/>
    <w:rsid w:val="00BF18D4"/>
    <w:rsid w:val="00BF38BA"/>
    <w:rsid w:val="00BF3DFD"/>
    <w:rsid w:val="00BF5A8B"/>
    <w:rsid w:val="00BF736F"/>
    <w:rsid w:val="00BF7722"/>
    <w:rsid w:val="00C02E94"/>
    <w:rsid w:val="00C0418B"/>
    <w:rsid w:val="00C054AF"/>
    <w:rsid w:val="00C06689"/>
    <w:rsid w:val="00C06B02"/>
    <w:rsid w:val="00C11111"/>
    <w:rsid w:val="00C11452"/>
    <w:rsid w:val="00C123A6"/>
    <w:rsid w:val="00C12D2F"/>
    <w:rsid w:val="00C175D2"/>
    <w:rsid w:val="00C20C32"/>
    <w:rsid w:val="00C24EB4"/>
    <w:rsid w:val="00C2501B"/>
    <w:rsid w:val="00C26C24"/>
    <w:rsid w:val="00C279C5"/>
    <w:rsid w:val="00C327E0"/>
    <w:rsid w:val="00C3321B"/>
    <w:rsid w:val="00C343F3"/>
    <w:rsid w:val="00C351A7"/>
    <w:rsid w:val="00C353A9"/>
    <w:rsid w:val="00C371D6"/>
    <w:rsid w:val="00C4046F"/>
    <w:rsid w:val="00C42849"/>
    <w:rsid w:val="00C42EB5"/>
    <w:rsid w:val="00C42F73"/>
    <w:rsid w:val="00C43D37"/>
    <w:rsid w:val="00C440E1"/>
    <w:rsid w:val="00C45BE0"/>
    <w:rsid w:val="00C46D36"/>
    <w:rsid w:val="00C4780F"/>
    <w:rsid w:val="00C51D71"/>
    <w:rsid w:val="00C520DF"/>
    <w:rsid w:val="00C55F9C"/>
    <w:rsid w:val="00C566DC"/>
    <w:rsid w:val="00C63E42"/>
    <w:rsid w:val="00C66515"/>
    <w:rsid w:val="00C66B22"/>
    <w:rsid w:val="00C66BE0"/>
    <w:rsid w:val="00C71595"/>
    <w:rsid w:val="00C73443"/>
    <w:rsid w:val="00C734DD"/>
    <w:rsid w:val="00C746B3"/>
    <w:rsid w:val="00C749A4"/>
    <w:rsid w:val="00C771EA"/>
    <w:rsid w:val="00C809E3"/>
    <w:rsid w:val="00C82818"/>
    <w:rsid w:val="00C82B28"/>
    <w:rsid w:val="00C834BA"/>
    <w:rsid w:val="00C83F9F"/>
    <w:rsid w:val="00C848DE"/>
    <w:rsid w:val="00C873CC"/>
    <w:rsid w:val="00C87549"/>
    <w:rsid w:val="00C87819"/>
    <w:rsid w:val="00C87F84"/>
    <w:rsid w:val="00C901BA"/>
    <w:rsid w:val="00C90824"/>
    <w:rsid w:val="00C92517"/>
    <w:rsid w:val="00C92D26"/>
    <w:rsid w:val="00C944C4"/>
    <w:rsid w:val="00C948FC"/>
    <w:rsid w:val="00C954D7"/>
    <w:rsid w:val="00CA1022"/>
    <w:rsid w:val="00CA4E2C"/>
    <w:rsid w:val="00CA565F"/>
    <w:rsid w:val="00CA56D5"/>
    <w:rsid w:val="00CA622B"/>
    <w:rsid w:val="00CA7C3F"/>
    <w:rsid w:val="00CB036F"/>
    <w:rsid w:val="00CB0D70"/>
    <w:rsid w:val="00CB3087"/>
    <w:rsid w:val="00CB50AE"/>
    <w:rsid w:val="00CB60EC"/>
    <w:rsid w:val="00CB6FB1"/>
    <w:rsid w:val="00CC08C9"/>
    <w:rsid w:val="00CC1D85"/>
    <w:rsid w:val="00CC2D3E"/>
    <w:rsid w:val="00CC4CC6"/>
    <w:rsid w:val="00CC4DF3"/>
    <w:rsid w:val="00CC50FE"/>
    <w:rsid w:val="00CC6BAC"/>
    <w:rsid w:val="00CC7B56"/>
    <w:rsid w:val="00CD3BF1"/>
    <w:rsid w:val="00CD5534"/>
    <w:rsid w:val="00CD55C0"/>
    <w:rsid w:val="00CD5F3F"/>
    <w:rsid w:val="00CE2847"/>
    <w:rsid w:val="00CE299F"/>
    <w:rsid w:val="00CE2DCC"/>
    <w:rsid w:val="00CE3A2B"/>
    <w:rsid w:val="00CE3DCA"/>
    <w:rsid w:val="00CE4182"/>
    <w:rsid w:val="00CE4A5E"/>
    <w:rsid w:val="00CE66F4"/>
    <w:rsid w:val="00CF03A4"/>
    <w:rsid w:val="00CF1891"/>
    <w:rsid w:val="00CF2451"/>
    <w:rsid w:val="00CF35CA"/>
    <w:rsid w:val="00CF37EB"/>
    <w:rsid w:val="00CF4963"/>
    <w:rsid w:val="00CF4C58"/>
    <w:rsid w:val="00CF5F4B"/>
    <w:rsid w:val="00D0002D"/>
    <w:rsid w:val="00D016EC"/>
    <w:rsid w:val="00D021CE"/>
    <w:rsid w:val="00D02D8D"/>
    <w:rsid w:val="00D06EE3"/>
    <w:rsid w:val="00D10247"/>
    <w:rsid w:val="00D1086F"/>
    <w:rsid w:val="00D11D66"/>
    <w:rsid w:val="00D13C26"/>
    <w:rsid w:val="00D13F85"/>
    <w:rsid w:val="00D141E1"/>
    <w:rsid w:val="00D2041E"/>
    <w:rsid w:val="00D2262C"/>
    <w:rsid w:val="00D240BA"/>
    <w:rsid w:val="00D260E1"/>
    <w:rsid w:val="00D2619B"/>
    <w:rsid w:val="00D264C9"/>
    <w:rsid w:val="00D26AF4"/>
    <w:rsid w:val="00D303CE"/>
    <w:rsid w:val="00D312F8"/>
    <w:rsid w:val="00D31C05"/>
    <w:rsid w:val="00D32BFE"/>
    <w:rsid w:val="00D33BCD"/>
    <w:rsid w:val="00D344C9"/>
    <w:rsid w:val="00D34690"/>
    <w:rsid w:val="00D40568"/>
    <w:rsid w:val="00D41794"/>
    <w:rsid w:val="00D41A3E"/>
    <w:rsid w:val="00D427E8"/>
    <w:rsid w:val="00D437F8"/>
    <w:rsid w:val="00D43C4A"/>
    <w:rsid w:val="00D464C8"/>
    <w:rsid w:val="00D479F1"/>
    <w:rsid w:val="00D5109A"/>
    <w:rsid w:val="00D547C6"/>
    <w:rsid w:val="00D551D9"/>
    <w:rsid w:val="00D5530B"/>
    <w:rsid w:val="00D5663C"/>
    <w:rsid w:val="00D6045D"/>
    <w:rsid w:val="00D6249E"/>
    <w:rsid w:val="00D63A22"/>
    <w:rsid w:val="00D64C8A"/>
    <w:rsid w:val="00D64FBE"/>
    <w:rsid w:val="00D650B5"/>
    <w:rsid w:val="00D6688B"/>
    <w:rsid w:val="00D70E0A"/>
    <w:rsid w:val="00D72CA7"/>
    <w:rsid w:val="00D72D77"/>
    <w:rsid w:val="00D73085"/>
    <w:rsid w:val="00D7342D"/>
    <w:rsid w:val="00D7388E"/>
    <w:rsid w:val="00D73D13"/>
    <w:rsid w:val="00D74903"/>
    <w:rsid w:val="00D7514C"/>
    <w:rsid w:val="00D773CA"/>
    <w:rsid w:val="00D81766"/>
    <w:rsid w:val="00D820B3"/>
    <w:rsid w:val="00D845D2"/>
    <w:rsid w:val="00D85153"/>
    <w:rsid w:val="00D87F48"/>
    <w:rsid w:val="00D91E3A"/>
    <w:rsid w:val="00D91E5D"/>
    <w:rsid w:val="00D921C0"/>
    <w:rsid w:val="00D922CE"/>
    <w:rsid w:val="00D9433A"/>
    <w:rsid w:val="00D943C7"/>
    <w:rsid w:val="00D9526C"/>
    <w:rsid w:val="00D957C2"/>
    <w:rsid w:val="00D95D26"/>
    <w:rsid w:val="00DA1516"/>
    <w:rsid w:val="00DA33B3"/>
    <w:rsid w:val="00DA3593"/>
    <w:rsid w:val="00DA3867"/>
    <w:rsid w:val="00DA627E"/>
    <w:rsid w:val="00DA66AB"/>
    <w:rsid w:val="00DA67B7"/>
    <w:rsid w:val="00DB0116"/>
    <w:rsid w:val="00DB0C12"/>
    <w:rsid w:val="00DB1432"/>
    <w:rsid w:val="00DB1650"/>
    <w:rsid w:val="00DB262A"/>
    <w:rsid w:val="00DC067A"/>
    <w:rsid w:val="00DC1EA0"/>
    <w:rsid w:val="00DC2852"/>
    <w:rsid w:val="00DC3E15"/>
    <w:rsid w:val="00DC7761"/>
    <w:rsid w:val="00DC796C"/>
    <w:rsid w:val="00DD0485"/>
    <w:rsid w:val="00DD16C0"/>
    <w:rsid w:val="00DD1841"/>
    <w:rsid w:val="00DD1F7C"/>
    <w:rsid w:val="00DD222F"/>
    <w:rsid w:val="00DD2AE6"/>
    <w:rsid w:val="00DD4DE5"/>
    <w:rsid w:val="00DD5554"/>
    <w:rsid w:val="00DD600C"/>
    <w:rsid w:val="00DD6BD5"/>
    <w:rsid w:val="00DD726A"/>
    <w:rsid w:val="00DE0A8C"/>
    <w:rsid w:val="00DE0DE8"/>
    <w:rsid w:val="00DE1544"/>
    <w:rsid w:val="00DE1FD2"/>
    <w:rsid w:val="00DE23A1"/>
    <w:rsid w:val="00DE51EF"/>
    <w:rsid w:val="00DE559D"/>
    <w:rsid w:val="00DE7156"/>
    <w:rsid w:val="00DE7DE5"/>
    <w:rsid w:val="00DF04D1"/>
    <w:rsid w:val="00DF32F3"/>
    <w:rsid w:val="00DF3755"/>
    <w:rsid w:val="00DF3E49"/>
    <w:rsid w:val="00DF48A5"/>
    <w:rsid w:val="00DF529D"/>
    <w:rsid w:val="00DF5A2F"/>
    <w:rsid w:val="00DF6D11"/>
    <w:rsid w:val="00E001C3"/>
    <w:rsid w:val="00E00780"/>
    <w:rsid w:val="00E01E78"/>
    <w:rsid w:val="00E0354C"/>
    <w:rsid w:val="00E04163"/>
    <w:rsid w:val="00E058E5"/>
    <w:rsid w:val="00E07A39"/>
    <w:rsid w:val="00E1456D"/>
    <w:rsid w:val="00E150FC"/>
    <w:rsid w:val="00E169DC"/>
    <w:rsid w:val="00E16B6A"/>
    <w:rsid w:val="00E2550A"/>
    <w:rsid w:val="00E26923"/>
    <w:rsid w:val="00E3049A"/>
    <w:rsid w:val="00E30F13"/>
    <w:rsid w:val="00E31320"/>
    <w:rsid w:val="00E318BB"/>
    <w:rsid w:val="00E320BA"/>
    <w:rsid w:val="00E32533"/>
    <w:rsid w:val="00E342FB"/>
    <w:rsid w:val="00E3554F"/>
    <w:rsid w:val="00E40088"/>
    <w:rsid w:val="00E402E1"/>
    <w:rsid w:val="00E40D42"/>
    <w:rsid w:val="00E42DCD"/>
    <w:rsid w:val="00E50119"/>
    <w:rsid w:val="00E50F24"/>
    <w:rsid w:val="00E52403"/>
    <w:rsid w:val="00E54394"/>
    <w:rsid w:val="00E551E8"/>
    <w:rsid w:val="00E55539"/>
    <w:rsid w:val="00E55769"/>
    <w:rsid w:val="00E56AA3"/>
    <w:rsid w:val="00E56C8F"/>
    <w:rsid w:val="00E57653"/>
    <w:rsid w:val="00E62809"/>
    <w:rsid w:val="00E64E21"/>
    <w:rsid w:val="00E67AB6"/>
    <w:rsid w:val="00E70F57"/>
    <w:rsid w:val="00E72257"/>
    <w:rsid w:val="00E7267B"/>
    <w:rsid w:val="00E75975"/>
    <w:rsid w:val="00E75BB6"/>
    <w:rsid w:val="00E76A8E"/>
    <w:rsid w:val="00E76C81"/>
    <w:rsid w:val="00E770DD"/>
    <w:rsid w:val="00E7723F"/>
    <w:rsid w:val="00E776DF"/>
    <w:rsid w:val="00E809E7"/>
    <w:rsid w:val="00E8194B"/>
    <w:rsid w:val="00E81FA9"/>
    <w:rsid w:val="00E824DC"/>
    <w:rsid w:val="00E8268E"/>
    <w:rsid w:val="00E85277"/>
    <w:rsid w:val="00E87FC5"/>
    <w:rsid w:val="00E90DAF"/>
    <w:rsid w:val="00E90FED"/>
    <w:rsid w:val="00E91B9B"/>
    <w:rsid w:val="00E91F2C"/>
    <w:rsid w:val="00E94206"/>
    <w:rsid w:val="00E964B9"/>
    <w:rsid w:val="00E96BB6"/>
    <w:rsid w:val="00EA2F06"/>
    <w:rsid w:val="00EA39D8"/>
    <w:rsid w:val="00EA6A24"/>
    <w:rsid w:val="00EA776B"/>
    <w:rsid w:val="00EA7B67"/>
    <w:rsid w:val="00EB01A7"/>
    <w:rsid w:val="00EB0F39"/>
    <w:rsid w:val="00EB14B9"/>
    <w:rsid w:val="00EB1DAD"/>
    <w:rsid w:val="00EB4ABF"/>
    <w:rsid w:val="00EB4CBB"/>
    <w:rsid w:val="00EB5307"/>
    <w:rsid w:val="00EB6712"/>
    <w:rsid w:val="00EB68A2"/>
    <w:rsid w:val="00EB7BD0"/>
    <w:rsid w:val="00EC0138"/>
    <w:rsid w:val="00EC3418"/>
    <w:rsid w:val="00EC3EBE"/>
    <w:rsid w:val="00EC41A1"/>
    <w:rsid w:val="00EC5595"/>
    <w:rsid w:val="00EC77D4"/>
    <w:rsid w:val="00EC7817"/>
    <w:rsid w:val="00ED0D02"/>
    <w:rsid w:val="00ED2DCB"/>
    <w:rsid w:val="00ED390F"/>
    <w:rsid w:val="00ED3BEA"/>
    <w:rsid w:val="00ED48B9"/>
    <w:rsid w:val="00ED5725"/>
    <w:rsid w:val="00ED69F5"/>
    <w:rsid w:val="00ED6EE0"/>
    <w:rsid w:val="00ED78BD"/>
    <w:rsid w:val="00ED7AB7"/>
    <w:rsid w:val="00EE2454"/>
    <w:rsid w:val="00EE43E4"/>
    <w:rsid w:val="00EE4B61"/>
    <w:rsid w:val="00EE4FFC"/>
    <w:rsid w:val="00EE55CF"/>
    <w:rsid w:val="00EE5635"/>
    <w:rsid w:val="00EE5B27"/>
    <w:rsid w:val="00EE5BA8"/>
    <w:rsid w:val="00EE6CCB"/>
    <w:rsid w:val="00EE7BB6"/>
    <w:rsid w:val="00EF3622"/>
    <w:rsid w:val="00EF37CE"/>
    <w:rsid w:val="00EF5DAC"/>
    <w:rsid w:val="00EF7442"/>
    <w:rsid w:val="00EF7AE0"/>
    <w:rsid w:val="00F0256B"/>
    <w:rsid w:val="00F04584"/>
    <w:rsid w:val="00F0712E"/>
    <w:rsid w:val="00F0715C"/>
    <w:rsid w:val="00F07373"/>
    <w:rsid w:val="00F0760C"/>
    <w:rsid w:val="00F11605"/>
    <w:rsid w:val="00F13D80"/>
    <w:rsid w:val="00F15D90"/>
    <w:rsid w:val="00F17007"/>
    <w:rsid w:val="00F171D8"/>
    <w:rsid w:val="00F20D60"/>
    <w:rsid w:val="00F219B9"/>
    <w:rsid w:val="00F24079"/>
    <w:rsid w:val="00F2511F"/>
    <w:rsid w:val="00F2534E"/>
    <w:rsid w:val="00F253BC"/>
    <w:rsid w:val="00F25EB7"/>
    <w:rsid w:val="00F26EE5"/>
    <w:rsid w:val="00F27B30"/>
    <w:rsid w:val="00F32402"/>
    <w:rsid w:val="00F33811"/>
    <w:rsid w:val="00F33C19"/>
    <w:rsid w:val="00F35AC9"/>
    <w:rsid w:val="00F36AD6"/>
    <w:rsid w:val="00F37476"/>
    <w:rsid w:val="00F41821"/>
    <w:rsid w:val="00F41969"/>
    <w:rsid w:val="00F41ECC"/>
    <w:rsid w:val="00F4341B"/>
    <w:rsid w:val="00F43B50"/>
    <w:rsid w:val="00F449D6"/>
    <w:rsid w:val="00F456BD"/>
    <w:rsid w:val="00F45ED2"/>
    <w:rsid w:val="00F473EB"/>
    <w:rsid w:val="00F50F4F"/>
    <w:rsid w:val="00F516C0"/>
    <w:rsid w:val="00F566AA"/>
    <w:rsid w:val="00F56B6C"/>
    <w:rsid w:val="00F5731E"/>
    <w:rsid w:val="00F66538"/>
    <w:rsid w:val="00F66DBF"/>
    <w:rsid w:val="00F6793A"/>
    <w:rsid w:val="00F70D19"/>
    <w:rsid w:val="00F75419"/>
    <w:rsid w:val="00F7554D"/>
    <w:rsid w:val="00F769E4"/>
    <w:rsid w:val="00F76AA8"/>
    <w:rsid w:val="00F800E2"/>
    <w:rsid w:val="00F806D2"/>
    <w:rsid w:val="00F82F20"/>
    <w:rsid w:val="00F8350B"/>
    <w:rsid w:val="00F842E1"/>
    <w:rsid w:val="00F84C83"/>
    <w:rsid w:val="00F85DED"/>
    <w:rsid w:val="00F9198F"/>
    <w:rsid w:val="00F91FCD"/>
    <w:rsid w:val="00F9307E"/>
    <w:rsid w:val="00F94BFB"/>
    <w:rsid w:val="00F96936"/>
    <w:rsid w:val="00FA0D34"/>
    <w:rsid w:val="00FA1439"/>
    <w:rsid w:val="00FA3F76"/>
    <w:rsid w:val="00FA4BD9"/>
    <w:rsid w:val="00FA5251"/>
    <w:rsid w:val="00FA615C"/>
    <w:rsid w:val="00FB0427"/>
    <w:rsid w:val="00FB1513"/>
    <w:rsid w:val="00FB52F0"/>
    <w:rsid w:val="00FB5CD6"/>
    <w:rsid w:val="00FB6D06"/>
    <w:rsid w:val="00FB75F7"/>
    <w:rsid w:val="00FC0061"/>
    <w:rsid w:val="00FC0420"/>
    <w:rsid w:val="00FC0FFB"/>
    <w:rsid w:val="00FC2CEA"/>
    <w:rsid w:val="00FC3D30"/>
    <w:rsid w:val="00FC4ED8"/>
    <w:rsid w:val="00FC5167"/>
    <w:rsid w:val="00FC5608"/>
    <w:rsid w:val="00FD3023"/>
    <w:rsid w:val="00FD4028"/>
    <w:rsid w:val="00FD53FC"/>
    <w:rsid w:val="00FD612A"/>
    <w:rsid w:val="00FD6219"/>
    <w:rsid w:val="00FD77D3"/>
    <w:rsid w:val="00FE03CB"/>
    <w:rsid w:val="00FE1E12"/>
    <w:rsid w:val="00FE2CA5"/>
    <w:rsid w:val="00FE3BEF"/>
    <w:rsid w:val="00FE3C85"/>
    <w:rsid w:val="00FE462F"/>
    <w:rsid w:val="00FE476B"/>
    <w:rsid w:val="00FE72AB"/>
    <w:rsid w:val="00FF07C7"/>
    <w:rsid w:val="00FF1A12"/>
    <w:rsid w:val="00FF1CF4"/>
    <w:rsid w:val="00FF20A9"/>
    <w:rsid w:val="00FF335B"/>
    <w:rsid w:val="00FF51E5"/>
    <w:rsid w:val="00FF5A95"/>
    <w:rsid w:val="00FF708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497665"/>
    <o:shapelayout v:ext="edit">
      <o:idmap v:ext="edit" data="1"/>
    </o:shapelayout>
  </w:shapeDefaults>
  <w:decimalSymbol w:val="."/>
  <w:listSeparator w:val=","/>
  <w14:docId w14:val="0419C3B6"/>
  <w15:docId w15:val="{A0B9E507-D97E-41A5-BD27-B3CE3B29DD4D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0" w:qFormat="1"/>
    <w:lsdException w:name="Emphasis" w:uiPriority="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076BF2"/>
  </w:style>
  <w:style w:type="paragraph" w:styleId="Heading1">
    <w:name w:val="heading 1"/>
    <w:basedOn w:val="Normal"/>
    <w:next w:val="Normal"/>
    <w:link w:val="Heading1Char"/>
    <w:qFormat/>
    <w:rsid w:val="007A7080"/>
    <w:pPr>
      <w:keepNext/>
      <w:jc w:val="both"/>
      <w:outlineLvl w:val="0"/>
    </w:pPr>
    <w:rPr>
      <w:rFonts w:ascii="Arial" w:hAnsi="Arial"/>
      <w:sz w:val="24"/>
    </w:rPr>
  </w:style>
  <w:style w:type="paragraph" w:styleId="Heading2">
    <w:name w:val="heading 2"/>
    <w:basedOn w:val="Normal"/>
    <w:next w:val="Normal"/>
    <w:link w:val="Heading2Char"/>
    <w:qFormat/>
    <w:rsid w:val="007A7080"/>
    <w:pPr>
      <w:keepNext/>
      <w:outlineLvl w:val="1"/>
    </w:pPr>
    <w:rPr>
      <w:rFonts w:ascii="Arial" w:hAnsi="Arial"/>
      <w:sz w:val="24"/>
    </w:rPr>
  </w:style>
  <w:style w:type="paragraph" w:styleId="Heading3">
    <w:name w:val="heading 3"/>
    <w:basedOn w:val="Normal"/>
    <w:next w:val="Normal"/>
    <w:link w:val="Heading3Char"/>
    <w:qFormat/>
    <w:rsid w:val="007A7080"/>
    <w:pPr>
      <w:keepNext/>
      <w:outlineLvl w:val="2"/>
    </w:pPr>
    <w:rPr>
      <w:rFonts w:ascii="Arial" w:hAnsi="Arial"/>
      <w:sz w:val="2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rsid w:val="007A7080"/>
    <w:rPr>
      <w:rFonts w:ascii="Arial" w:hAnsi="Arial"/>
      <w:sz w:val="24"/>
    </w:rPr>
  </w:style>
  <w:style w:type="character" w:customStyle="1" w:styleId="Heading2Char">
    <w:name w:val="Heading 2 Char"/>
    <w:basedOn w:val="DefaultParagraphFont"/>
    <w:link w:val="Heading2"/>
    <w:rsid w:val="007A7080"/>
    <w:rPr>
      <w:rFonts w:ascii="Arial" w:hAnsi="Arial"/>
      <w:sz w:val="24"/>
    </w:rPr>
  </w:style>
  <w:style w:type="character" w:customStyle="1" w:styleId="Heading3Char">
    <w:name w:val="Heading 3 Char"/>
    <w:basedOn w:val="DefaultParagraphFont"/>
    <w:link w:val="Heading3"/>
    <w:rsid w:val="007A7080"/>
    <w:rPr>
      <w:rFonts w:ascii="Arial" w:hAnsi="Arial"/>
      <w:sz w:val="28"/>
    </w:rPr>
  </w:style>
  <w:style w:type="paragraph" w:styleId="Title">
    <w:name w:val="Title"/>
    <w:basedOn w:val="Normal"/>
    <w:link w:val="TitleChar"/>
    <w:qFormat/>
    <w:rsid w:val="007A7080"/>
    <w:pPr>
      <w:jc w:val="center"/>
    </w:pPr>
    <w:rPr>
      <w:rFonts w:ascii="Arial" w:hAnsi="Arial"/>
      <w:sz w:val="24"/>
    </w:rPr>
  </w:style>
  <w:style w:type="character" w:customStyle="1" w:styleId="TitleChar">
    <w:name w:val="Title Char"/>
    <w:basedOn w:val="DefaultParagraphFont"/>
    <w:link w:val="Title"/>
    <w:rsid w:val="007A7080"/>
    <w:rPr>
      <w:rFonts w:ascii="Arial" w:hAnsi="Arial"/>
      <w:sz w:val="24"/>
    </w:rPr>
  </w:style>
  <w:style w:type="character" w:styleId="Emphasis">
    <w:name w:val="Emphasis"/>
    <w:basedOn w:val="DefaultParagraphFont"/>
    <w:qFormat/>
    <w:rsid w:val="007A7080"/>
    <w:rPr>
      <w:i/>
      <w:iCs/>
    </w:rPr>
  </w:style>
  <w:style w:type="paragraph" w:styleId="EnvelopeAddress">
    <w:name w:val="envelope address"/>
    <w:basedOn w:val="Normal"/>
    <w:uiPriority w:val="99"/>
    <w:unhideWhenUsed/>
    <w:rsid w:val="001545D9"/>
    <w:pPr>
      <w:framePr w:w="7920" w:h="1980" w:hRule="exact" w:hSpace="180" w:wrap="auto" w:hAnchor="page" w:xAlign="center" w:yAlign="bottom"/>
      <w:ind w:left="2880"/>
    </w:pPr>
    <w:rPr>
      <w:rFonts w:ascii="Arial" w:eastAsiaTheme="majorEastAsia" w:hAnsi="Arial" w:cstheme="majorBidi"/>
      <w:sz w:val="32"/>
      <w:szCs w:val="24"/>
    </w:rPr>
  </w:style>
  <w:style w:type="paragraph" w:styleId="EnvelopeReturn">
    <w:name w:val="envelope return"/>
    <w:basedOn w:val="Normal"/>
    <w:uiPriority w:val="99"/>
    <w:semiHidden/>
    <w:unhideWhenUsed/>
    <w:rsid w:val="00376BCA"/>
    <w:rPr>
      <w:rFonts w:asciiTheme="majorHAnsi" w:eastAsiaTheme="majorEastAsia" w:hAnsiTheme="majorHAnsi" w:cstheme="majorBidi"/>
    </w:rPr>
  </w:style>
  <w:style w:type="paragraph" w:styleId="NoSpacing">
    <w:name w:val="No Spacing"/>
    <w:uiPriority w:val="1"/>
    <w:qFormat/>
    <w:rsid w:val="00076BF2"/>
    <w:rPr>
      <w:rFonts w:ascii="Calibri" w:hAnsi="Calibri"/>
      <w:sz w:val="22"/>
      <w:szCs w:val="22"/>
    </w:rPr>
  </w:style>
  <w:style w:type="paragraph" w:styleId="ListParagraph">
    <w:name w:val="List Paragraph"/>
    <w:basedOn w:val="Normal"/>
    <w:uiPriority w:val="34"/>
    <w:qFormat/>
    <w:rsid w:val="00FF335B"/>
    <w:pPr>
      <w:ind w:left="720"/>
      <w:contextualSpacing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5936A7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936A7"/>
    <w:rPr>
      <w:rFonts w:ascii="Tahoma" w:hAnsi="Tahoma" w:cs="Tahoma"/>
      <w:sz w:val="16"/>
      <w:szCs w:val="16"/>
    </w:rPr>
  </w:style>
  <w:style w:type="character" w:styleId="Hyperlink">
    <w:name w:val="Hyperlink"/>
    <w:basedOn w:val="DefaultParagraphFont"/>
    <w:uiPriority w:val="99"/>
    <w:semiHidden/>
    <w:unhideWhenUsed/>
    <w:rsid w:val="0067715D"/>
    <w:rPr>
      <w:color w:val="0000FF"/>
      <w:u w:val="single"/>
    </w:rPr>
  </w:style>
  <w:style w:type="paragraph" w:styleId="Header">
    <w:name w:val="header"/>
    <w:basedOn w:val="Normal"/>
    <w:link w:val="HeaderChar"/>
    <w:uiPriority w:val="99"/>
    <w:unhideWhenUsed/>
    <w:rsid w:val="0032685D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32685D"/>
  </w:style>
  <w:style w:type="paragraph" w:styleId="Footer">
    <w:name w:val="footer"/>
    <w:basedOn w:val="Normal"/>
    <w:link w:val="FooterChar"/>
    <w:uiPriority w:val="99"/>
    <w:unhideWhenUsed/>
    <w:rsid w:val="0032685D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32685D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dtfl="http://schemas.microsoft.com/office/word/2024/wordml/sdtformatlock" xmlns:w16se="http://schemas.microsoft.com/office/word/2015/wordml/symex" mc:Ignorable="w14 w15 w16se w16cid w16 w16cex w16sdtdh w16sdtfl w16du">
  <w:divs>
    <w:div w:id="24152449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5094112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2514344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173217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7452290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679358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947578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2505358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9307146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9642153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172249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2054631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3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2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tyles" Target="style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D M S ! 5 1 6 4 7 5 7 . 1 < / d o c u m e n t i d >  
     < s e n d e r i d > M S T E W A R T < / s e n d e r i d >  
     < s e n d e r e m a i l > M S T E W A R T @ A D A M S A T T O R N E Y S . C O M < / s e n d e r e m a i l >  
     < l a s t m o d i f i e d > 2 0 2 5 - 1 0 - 1 6 T 1 5 : 2 6 : 0 0 . 0 0 0 0 0 0 0 - 0 4 : 0 0 < / l a s t m o d i f i e d >  
     < d a t a b a s e > D M S < / d a t a b a s e >  
 < / p r o p e r t i e s > 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8C1D0A5F-4D58-43E8-A5EA-FE722262CFD6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DC539CB2-C5FD-46CF-88D0-102E92081F6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89</Words>
  <Characters>513</Characters>
  <Application>Microsoft Office Word</Application>
  <DocSecurity>4</DocSecurity>
  <PresentationFormat/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/>
  <LinksUpToDate>false</LinksUpToDate>
  <CharactersWithSpaces>601</CharactersWithSpaces>
  <SharedDoc>false</SharedDoc>
  <HyperlinkBase/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Mary Ann Stewart</dc:creator>
  <cp:keywords/>
  <dc:description/>
  <cp:lastModifiedBy>Brandi Barton</cp:lastModifiedBy>
  <cp:revision>2</cp:revision>
  <cp:lastPrinted>2025-05-05T16:46:00Z</cp:lastPrinted>
  <dcterms:created xsi:type="dcterms:W3CDTF">2025-10-16T19:45:00Z</dcterms:created>
  <dcterms:modified xsi:type="dcterms:W3CDTF">2025-10-16T19:45:00Z</dcterms:modified>
  <cp:category/>
  <cp:contentStatus/>
  <dc:language/>
  <cp:version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5164757v1</vt:lpwstr>
  </property>
</Properties>
</file>